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tags/tag1.xml" ContentType="application/vnd.openxmlformats-officedocument.presentationml.tags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p="http://schemas.openxmlformats.org/presentationml/2006/main" xmlns:a="http://schemas.openxmlformats.org/drawingml/2006/main" xmlns:r="http://schemas.openxmlformats.org/officeDocument/2006/relationships" removePersonalInfoOnSave="1" saveSubsetFonts="1" rtl="false">
  <p:sldMasterIdLst>
    <p:sldMasterId id="2147483693" r:id="rId16"/>
  </p:sldMasterIdLst>
  <p:notesMasterIdLst>
    <p:notesMasterId r:id="rId23"/>
  </p:notesMasterIdLst>
  <p:sldIdLst>
    <p:sldId id="257" r:id="rId17"/>
    <p:sldId id="258" r:id="rId18"/>
    <p:sldId id="263" r:id="rId19"/>
    <p:sldId id="279" r:id="rId20"/>
    <p:sldId id="278" r:id="rId21"/>
    <p:sldId id="275" r:id="rId22"/>
  </p:sldIdLst>
  <p:sldSz cx="12192000" cy="6858000"/>
  <p:notesSz cx="6858000" cy="9144000"/>
  <p:defaultTextStyle>
    <a:defPPr rtl="false">
      <a:defRPr lang="en-GB"/>
    </a:defPPr>
    <a:lvl1pPr marL="0" algn="l" defTabSz="914400" rtl="false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false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false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false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false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false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false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false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false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DCBA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FCB81CF-3625-43D2-B004-0451456D87DC}" v="16" dt="2024-12-04T14:37:46.96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9961" autoAdjust="0"/>
    <p:restoredTop sz="74501" autoAdjust="0"/>
  </p:normalViewPr>
  <p:slideViewPr>
    <p:cSldViewPr snapToGrid="0" showGuides="1">
      <p:cViewPr varScale="1">
        <p:scale>
          <a:sx n="47" d="100"/>
          <a:sy n="47" d="100"/>
        </p:scale>
        <p:origin x="132" y="60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notesMaster" Target="notesMasters/notesMaster1.xml"/><Relationship Id="rId28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tableStyles" Target="tableStyle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0FC7150F-F0A6-45ED-A81D-91409D3E1174}" type="doc">
      <dgm:prSet loTypeId="urn:microsoft.com/office/officeart/2005/8/layout/chart3" loCatId="cycle" qsTypeId="urn:microsoft.com/office/officeart/2005/8/quickstyle/simple1" qsCatId="simple" csTypeId="urn:microsoft.com/office/officeart/2005/8/colors/colorful1" csCatId="colorful" phldr="1"/>
      <dgm:spPr/>
    </dgm:pt>
    <dgm:pt modelId="{18870F9B-3ED9-4309-BE67-B310FE4E46E2}">
      <dgm:prSet phldrT="[Text]" custT="1"/>
      <dgm:spPr>
        <a:solidFill>
          <a:schemeClr val="accent6"/>
        </a:solidFill>
      </dgm:spPr>
      <dgm:t>
        <a:bodyPr rtlCol="false"/>
        <a:lstStyle/>
        <a:p>
          <a:pPr rtl="false"/>
          <a:r>
            <a:rPr lang="en-gb" sz="1400" b="0">
              <a:solidFill>
                <a:schemeClr val="tx1"/>
              </a:solidFill>
            </a:rPr>
            <a:t>Preparation of the WPA process</a:t>
          </a:r>
        </a:p>
      </dgm:t>
    </dgm:pt>
    <dgm:pt modelId="{55B92B45-F88A-4823-AE05-E1796476D7FF}" type="parTrans" cxnId="{AEDD65FD-735F-493F-A98B-0C05FBC9A547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371E69D1-9D07-4980-B170-A9BDBAA8DAF7}" type="sibTrans" cxnId="{AEDD65FD-735F-493F-A98B-0C05FBC9A547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EAF2F04A-855B-45E4-8DE0-799B26FED0AC}">
      <dgm:prSet phldrT="[Text]" custT="1"/>
      <dgm:spPr>
        <a:solidFill>
          <a:schemeClr val="accent4"/>
        </a:solidFill>
      </dgm:spPr>
      <dgm:t>
        <a:bodyPr rtlCol="false"/>
        <a:lstStyle/>
        <a:p>
          <a:pPr rtl="false"/>
          <a:r>
            <a:rPr lang="en-gb" sz="1400" b="0">
              <a:solidFill>
                <a:schemeClr val="tx1"/>
              </a:solidFill>
            </a:rPr>
            <a:t>Implementation of WPA and Well-Being Survey</a:t>
          </a:r>
        </a:p>
      </dgm:t>
    </dgm:pt>
    <dgm:pt modelId="{15A36733-C9FA-481F-87A2-4A56F59AB8B7}" type="parTrans" cxnId="{A90BD088-0EED-4152-8E4C-98E31DFBD945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E9BDA5AF-ED4D-4617-8CF6-B90D5E375724}" type="sibTrans" cxnId="{A90BD088-0EED-4152-8E4C-98E31DFBD945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42F16968-8020-4B57-BC48-CA9EA1C01F51}">
      <dgm:prSet phldrT="[Text]" custT="1"/>
      <dgm:spPr>
        <a:solidFill>
          <a:schemeClr val="accent3"/>
        </a:solidFill>
      </dgm:spPr>
      <dgm:t>
        <a:bodyPr rtlCol="false"/>
        <a:lstStyle/>
        <a:p>
          <a:pPr rtl="false"/>
          <a:r>
            <a:rPr lang="en-gb" sz="1400" b="0">
              <a:solidFill>
                <a:schemeClr val="tx1"/>
              </a:solidFill>
            </a:rPr>
            <a:t>Reporting of the results of the survey</a:t>
          </a:r>
        </a:p>
      </dgm:t>
    </dgm:pt>
    <dgm:pt modelId="{860D47AD-882B-4F7B-9BAB-B2C05956EBA9}" type="parTrans" cxnId="{8BBF1F27-485C-4ABD-AD62-A52A8606AD55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7714FC1C-584E-4FF1-865F-327416ED7D57}" type="sibTrans" cxnId="{8BBF1F27-485C-4ABD-AD62-A52A8606AD55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518B3F95-70CC-4CDB-BBE9-010CD9A22119}">
      <dgm:prSet phldrT="[Text]" custT="1"/>
      <dgm:spPr>
        <a:solidFill>
          <a:schemeClr val="bg2"/>
        </a:solidFill>
      </dgm:spPr>
      <dgm:t>
        <a:bodyPr rtlCol="false"/>
        <a:lstStyle/>
        <a:p>
          <a:pPr rtl="false"/>
          <a:r>
            <a:rPr lang="en-gb" sz="1400" b="0">
              <a:solidFill>
                <a:schemeClr val="tx1"/>
              </a:solidFill>
            </a:rPr>
            <a:t>Implementation: Concrete initiatives</a:t>
          </a:r>
        </a:p>
      </dgm:t>
    </dgm:pt>
    <dgm:pt modelId="{B8008EA9-B69F-4F7E-9C15-1C34F0B06F69}" type="parTrans" cxnId="{5EB2EFD1-FEFF-48DB-8F37-E73766725535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E078B7AA-6D5D-41B4-9BE8-2D98A298AB30}" type="sibTrans" cxnId="{5EB2EFD1-FEFF-48DB-8F37-E73766725535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1D7BC602-A551-4FF0-AC14-7D441988977C}">
      <dgm:prSet phldrT="[Text]" custT="1"/>
      <dgm:spPr>
        <a:solidFill>
          <a:schemeClr val="accent5"/>
        </a:solidFill>
      </dgm:spPr>
      <dgm:t>
        <a:bodyPr rtlCol="false"/>
        <a:lstStyle/>
        <a:p>
          <a:pPr rtl="false"/>
          <a:r>
            <a:rPr lang="en-gb" sz="1400" b="0">
              <a:solidFill>
                <a:schemeClr val="tx1"/>
              </a:solidFill>
            </a:rPr>
            <a:t>Follow-up: </a:t>
          </a:r>
        </a:p>
        <a:p>
          <a:pPr rtl="false"/>
          <a:r>
            <a:rPr lang="en-gb" sz="1400" b="0">
              <a:solidFill>
                <a:schemeClr val="tx1"/>
              </a:solidFill>
            </a:rPr>
            <a:t>Does it work?</a:t>
          </a:r>
        </a:p>
      </dgm:t>
    </dgm:pt>
    <dgm:pt modelId="{4A761511-A18B-4868-9A16-1640AABBF9E4}" type="parTrans" cxnId="{BD75EA05-455F-4D57-838E-6A25DE185354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82A5E525-1444-4858-A1EF-6C5C3D6EF03E}" type="sibTrans" cxnId="{BD75EA05-455F-4D57-838E-6A25DE185354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C167E9C0-C797-40D9-9AA5-0EBB065449BD}">
      <dgm:prSet phldrT="[Text]" custT="1"/>
      <dgm:spPr>
        <a:solidFill>
          <a:schemeClr val="accent1"/>
        </a:solidFill>
      </dgm:spPr>
      <dgm:t>
        <a:bodyPr rtlCol="false"/>
        <a:lstStyle/>
        <a:p>
          <a:pPr rtl="false"/>
          <a:r>
            <a:rPr lang="en-gb" sz="1400" b="0">
              <a:solidFill>
                <a:schemeClr val="tx1"/>
              </a:solidFill>
            </a:rPr>
            <a:t>Dialogue about and assessment of results</a:t>
          </a:r>
        </a:p>
      </dgm:t>
    </dgm:pt>
    <dgm:pt modelId="{309DB358-0DA0-4F5E-8F0F-641475D18C78}" type="parTrans" cxnId="{D9A2714C-4095-4039-8A37-290B0E7D3894}">
      <dgm:prSet/>
      <dgm:spPr/>
      <dgm:t>
        <a:bodyPr rtlCol="false"/>
        <a:lstStyle/>
        <a:p>
          <a:pPr rtl="false"/>
          <a:endParaRPr lang="da-DK"/>
        </a:p>
      </dgm:t>
    </dgm:pt>
    <dgm:pt modelId="{2E26125D-B222-480C-BDC0-06A8A5197478}" type="sibTrans" cxnId="{D9A2714C-4095-4039-8A37-290B0E7D3894}">
      <dgm:prSet/>
      <dgm:spPr/>
      <dgm:t>
        <a:bodyPr rtlCol="false"/>
        <a:lstStyle/>
        <a:p>
          <a:pPr rtl="false"/>
          <a:endParaRPr lang="da-DK"/>
        </a:p>
      </dgm:t>
    </dgm:pt>
    <dgm:pt modelId="{6EF80616-1C2A-443C-8AD2-59528A64FE2A}">
      <dgm:prSet phldrT="[Text]" custT="1"/>
      <dgm:spPr>
        <a:solidFill>
          <a:schemeClr val="accent2"/>
        </a:solidFill>
      </dgm:spPr>
      <dgm:t>
        <a:bodyPr rtlCol="false"/>
        <a:lstStyle/>
        <a:p>
          <a:pPr rtl="false"/>
          <a:r>
            <a:rPr lang="en-gb" sz="1400" b="0">
              <a:solidFill>
                <a:schemeClr val="tx1"/>
              </a:solidFill>
            </a:rPr>
            <a:t>Action plan: Planning of efforts</a:t>
          </a:r>
        </a:p>
      </dgm:t>
    </dgm:pt>
    <dgm:pt modelId="{6D51BB96-0539-4829-B109-1A5B9E8787FE}" type="sibTrans" cxnId="{D508FC94-B73F-4805-BA12-F6457033BDA6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42E6F531-D8E5-4501-B471-E68BA07E8C01}" type="parTrans" cxnId="{D508FC94-B73F-4805-BA12-F6457033BDA6}">
      <dgm:prSet/>
      <dgm:spPr/>
      <dgm:t>
        <a:bodyPr rtlCol="false"/>
        <a:lstStyle/>
        <a:p>
          <a:pPr rtl="false"/>
          <a:endParaRPr lang="da-DK" sz="1400" b="0">
            <a:solidFill>
              <a:schemeClr val="tx1"/>
            </a:solidFill>
          </a:endParaRPr>
        </a:p>
      </dgm:t>
    </dgm:pt>
    <dgm:pt modelId="{64204B5D-C486-484B-A7FA-3D19659529DF}" type="pres">
      <dgm:prSet presAssocID="{0FC7150F-F0A6-45ED-A81D-91409D3E1174}" presName="compositeShape" presStyleCnt="0">
        <dgm:presLayoutVars>
          <dgm:chMax val="7"/>
          <dgm:dir/>
          <dgm:resizeHandles val="exact"/>
        </dgm:presLayoutVars>
      </dgm:prSet>
      <dgm:spPr/>
    </dgm:pt>
    <dgm:pt modelId="{A9B1F35A-0696-45D5-B348-E4DDDA6D7113}" type="pres">
      <dgm:prSet presAssocID="{0FC7150F-F0A6-45ED-A81D-91409D3E1174}" presName="wedge1" presStyleLbl="node1" presStyleIdx="0" presStyleCnt="7" custLinFactNeighborX="-2530" custLinFactNeighborY="5521"/>
      <dgm:spPr/>
    </dgm:pt>
    <dgm:pt modelId="{894C371B-F7AA-4065-9F6C-11A96C875C96}" type="pres">
      <dgm:prSet presAssocID="{0FC7150F-F0A6-45ED-A81D-91409D3E1174}" presName="wedge1Tx" presStyleLbl="node1" presStyleIdx="0" presStyleCnt="7">
        <dgm:presLayoutVars>
          <dgm:chMax val="0"/>
          <dgm:chPref val="0"/>
          <dgm:bulletEnabled val="1"/>
        </dgm:presLayoutVars>
      </dgm:prSet>
      <dgm:spPr/>
    </dgm:pt>
    <dgm:pt modelId="{EEA73243-3CC5-4D69-89AA-9B43A094D79E}" type="pres">
      <dgm:prSet presAssocID="{0FC7150F-F0A6-45ED-A81D-91409D3E1174}" presName="wedge2" presStyleLbl="node1" presStyleIdx="1" presStyleCnt="7" custLinFactNeighborY="237"/>
      <dgm:spPr/>
    </dgm:pt>
    <dgm:pt modelId="{01957E96-905F-4A3F-B39B-B28DC7231DED}" type="pres">
      <dgm:prSet presAssocID="{0FC7150F-F0A6-45ED-A81D-91409D3E1174}" presName="wedge2Tx" presStyleLbl="node1" presStyleIdx="1" presStyleCnt="7">
        <dgm:presLayoutVars>
          <dgm:chMax val="0"/>
          <dgm:chPref val="0"/>
          <dgm:bulletEnabled val="1"/>
        </dgm:presLayoutVars>
      </dgm:prSet>
      <dgm:spPr/>
    </dgm:pt>
    <dgm:pt modelId="{CD67746C-B166-4CE0-8119-5F43CD3B6084}" type="pres">
      <dgm:prSet presAssocID="{0FC7150F-F0A6-45ED-A81D-91409D3E1174}" presName="wedge3" presStyleLbl="node1" presStyleIdx="2" presStyleCnt="7" custLinFactNeighborY="474"/>
      <dgm:spPr/>
    </dgm:pt>
    <dgm:pt modelId="{4B343DB9-BA29-46A7-90A9-19DBA5DBCA3C}" type="pres">
      <dgm:prSet presAssocID="{0FC7150F-F0A6-45ED-A81D-91409D3E1174}" presName="wedge3Tx" presStyleLbl="node1" presStyleIdx="2" presStyleCnt="7">
        <dgm:presLayoutVars>
          <dgm:chMax val="0"/>
          <dgm:chPref val="0"/>
          <dgm:bulletEnabled val="1"/>
        </dgm:presLayoutVars>
      </dgm:prSet>
      <dgm:spPr/>
    </dgm:pt>
    <dgm:pt modelId="{52E33B99-A641-4937-AA95-AFFE5026097E}" type="pres">
      <dgm:prSet presAssocID="{0FC7150F-F0A6-45ED-A81D-91409D3E1174}" presName="wedge4" presStyleLbl="node1" presStyleIdx="3" presStyleCnt="7" custLinFactNeighborY="8058"/>
      <dgm:spPr/>
    </dgm:pt>
    <dgm:pt modelId="{8E344630-1261-4DA7-8620-6BE291D3FB7F}" type="pres">
      <dgm:prSet presAssocID="{0FC7150F-F0A6-45ED-A81D-91409D3E1174}" presName="wedge4Tx" presStyleLbl="node1" presStyleIdx="3" presStyleCnt="7">
        <dgm:presLayoutVars>
          <dgm:chMax val="0"/>
          <dgm:chPref val="0"/>
          <dgm:bulletEnabled val="1"/>
        </dgm:presLayoutVars>
      </dgm:prSet>
      <dgm:spPr/>
    </dgm:pt>
    <dgm:pt modelId="{7BC9ADBD-79B6-4CDD-BD7A-917BB62C25C5}" type="pres">
      <dgm:prSet presAssocID="{0FC7150F-F0A6-45ED-A81D-91409D3E1174}" presName="wedge5" presStyleLbl="node1" presStyleIdx="4" presStyleCnt="7" custLinFactNeighborX="-239" custLinFactNeighborY="713"/>
      <dgm:spPr/>
    </dgm:pt>
    <dgm:pt modelId="{9E9EECDA-E9BF-42BD-A82F-ECFAF8D252EA}" type="pres">
      <dgm:prSet presAssocID="{0FC7150F-F0A6-45ED-A81D-91409D3E1174}" presName="wedge5Tx" presStyleLbl="node1" presStyleIdx="4" presStyleCnt="7">
        <dgm:presLayoutVars>
          <dgm:chMax val="0"/>
          <dgm:chPref val="0"/>
          <dgm:bulletEnabled val="1"/>
        </dgm:presLayoutVars>
      </dgm:prSet>
      <dgm:spPr/>
    </dgm:pt>
    <dgm:pt modelId="{ED6B7DD2-6D88-43AC-8FAC-0F85F20D1905}" type="pres">
      <dgm:prSet presAssocID="{0FC7150F-F0A6-45ED-A81D-91409D3E1174}" presName="wedge6" presStyleLbl="node1" presStyleIdx="5" presStyleCnt="7" custLinFactNeighborX="-405" custLinFactNeighborY="416"/>
      <dgm:spPr/>
    </dgm:pt>
    <dgm:pt modelId="{C4F97F3F-2A22-44D3-AA4C-09B5725968C8}" type="pres">
      <dgm:prSet presAssocID="{0FC7150F-F0A6-45ED-A81D-91409D3E1174}" presName="wedge6Tx" presStyleLbl="node1" presStyleIdx="5" presStyleCnt="7">
        <dgm:presLayoutVars>
          <dgm:chMax val="0"/>
          <dgm:chPref val="0"/>
          <dgm:bulletEnabled val="1"/>
        </dgm:presLayoutVars>
      </dgm:prSet>
      <dgm:spPr/>
    </dgm:pt>
    <dgm:pt modelId="{E5464C76-DB82-4316-94BA-629BD5EC22C4}" type="pres">
      <dgm:prSet presAssocID="{0FC7150F-F0A6-45ED-A81D-91409D3E1174}" presName="wedge7" presStyleLbl="node1" presStyleIdx="6" presStyleCnt="7" custLinFactNeighborX="-263" custLinFactNeighborY="378"/>
      <dgm:spPr/>
    </dgm:pt>
    <dgm:pt modelId="{4321A84A-CCDC-4296-967A-806E1435C011}" type="pres">
      <dgm:prSet presAssocID="{0FC7150F-F0A6-45ED-A81D-91409D3E1174}" presName="wedge7Tx" presStyleLbl="node1" presStyleIdx="6" presStyleCnt="7">
        <dgm:presLayoutVars>
          <dgm:chMax val="0"/>
          <dgm:chPref val="0"/>
          <dgm:bulletEnabled val="1"/>
        </dgm:presLayoutVars>
      </dgm:prSet>
      <dgm:spPr/>
    </dgm:pt>
  </dgm:ptLst>
  <dgm:cxnLst>
    <dgm:cxn modelId="{E7F82A03-E1D5-4FB6-9A07-E40D9DD45544}" type="presOf" srcId="{42F16968-8020-4B57-BC48-CA9EA1C01F51}" destId="{4B343DB9-BA29-46A7-90A9-19DBA5DBCA3C}" srcOrd="1" destOrd="0" presId="urn:microsoft.com/office/officeart/2005/8/layout/chart3"/>
    <dgm:cxn modelId="{B09B7F05-2048-4920-AA86-F96490585841}" type="presOf" srcId="{0FC7150F-F0A6-45ED-A81D-91409D3E1174}" destId="{64204B5D-C486-484B-A7FA-3D19659529DF}" srcOrd="0" destOrd="0" presId="urn:microsoft.com/office/officeart/2005/8/layout/chart3"/>
    <dgm:cxn modelId="{BD75EA05-455F-4D57-838E-6A25DE185354}" srcId="{0FC7150F-F0A6-45ED-A81D-91409D3E1174}" destId="{1D7BC602-A551-4FF0-AC14-7D441988977C}" srcOrd="6" destOrd="0" parTransId="{4A761511-A18B-4868-9A16-1640AABBF9E4}" sibTransId="{82A5E525-1444-4858-A1EF-6C5C3D6EF03E}"/>
    <dgm:cxn modelId="{6BF64109-D824-4972-B730-82319BCEC851}" type="presOf" srcId="{1D7BC602-A551-4FF0-AC14-7D441988977C}" destId="{4321A84A-CCDC-4296-967A-806E1435C011}" srcOrd="1" destOrd="0" presId="urn:microsoft.com/office/officeart/2005/8/layout/chart3"/>
    <dgm:cxn modelId="{431CA220-239E-43A6-A69B-9FF42F86C4E6}" type="presOf" srcId="{18870F9B-3ED9-4309-BE67-B310FE4E46E2}" destId="{894C371B-F7AA-4065-9F6C-11A96C875C96}" srcOrd="1" destOrd="0" presId="urn:microsoft.com/office/officeart/2005/8/layout/chart3"/>
    <dgm:cxn modelId="{8BBF1F27-485C-4ABD-AD62-A52A8606AD55}" srcId="{0FC7150F-F0A6-45ED-A81D-91409D3E1174}" destId="{42F16968-8020-4B57-BC48-CA9EA1C01F51}" srcOrd="2" destOrd="0" parTransId="{860D47AD-882B-4F7B-9BAB-B2C05956EBA9}" sibTransId="{7714FC1C-584E-4FF1-865F-327416ED7D57}"/>
    <dgm:cxn modelId="{891BBC5E-CE94-4878-987A-184C640B51CB}" type="presOf" srcId="{18870F9B-3ED9-4309-BE67-B310FE4E46E2}" destId="{A9B1F35A-0696-45D5-B348-E4DDDA6D7113}" srcOrd="0" destOrd="0" presId="urn:microsoft.com/office/officeart/2005/8/layout/chart3"/>
    <dgm:cxn modelId="{E81B8B6B-4368-4F8C-A960-8C63B29E4148}" type="presOf" srcId="{6EF80616-1C2A-443C-8AD2-59528A64FE2A}" destId="{7BC9ADBD-79B6-4CDD-BD7A-917BB62C25C5}" srcOrd="0" destOrd="0" presId="urn:microsoft.com/office/officeart/2005/8/layout/chart3"/>
    <dgm:cxn modelId="{D9A2714C-4095-4039-8A37-290B0E7D3894}" srcId="{0FC7150F-F0A6-45ED-A81D-91409D3E1174}" destId="{C167E9C0-C797-40D9-9AA5-0EBB065449BD}" srcOrd="3" destOrd="0" parTransId="{309DB358-0DA0-4F5E-8F0F-641475D18C78}" sibTransId="{2E26125D-B222-480C-BDC0-06A8A5197478}"/>
    <dgm:cxn modelId="{C7E0854D-1536-4BC3-91DE-1707828222C5}" type="presOf" srcId="{C167E9C0-C797-40D9-9AA5-0EBB065449BD}" destId="{52E33B99-A641-4937-AA95-AFFE5026097E}" srcOrd="0" destOrd="0" presId="urn:microsoft.com/office/officeart/2005/8/layout/chart3"/>
    <dgm:cxn modelId="{6708D558-D649-49B3-9EC9-AB0F75089A18}" type="presOf" srcId="{EAF2F04A-855B-45E4-8DE0-799B26FED0AC}" destId="{01957E96-905F-4A3F-B39B-B28DC7231DED}" srcOrd="1" destOrd="0" presId="urn:microsoft.com/office/officeart/2005/8/layout/chart3"/>
    <dgm:cxn modelId="{6D039A7A-3F1B-4228-8AFE-F3A6E9B373B6}" type="presOf" srcId="{518B3F95-70CC-4CDB-BBE9-010CD9A22119}" destId="{C4F97F3F-2A22-44D3-AA4C-09B5725968C8}" srcOrd="1" destOrd="0" presId="urn:microsoft.com/office/officeart/2005/8/layout/chart3"/>
    <dgm:cxn modelId="{C8E9817B-862F-46D3-973B-7A6EF78B52EA}" type="presOf" srcId="{C167E9C0-C797-40D9-9AA5-0EBB065449BD}" destId="{8E344630-1261-4DA7-8620-6BE291D3FB7F}" srcOrd="1" destOrd="0" presId="urn:microsoft.com/office/officeart/2005/8/layout/chart3"/>
    <dgm:cxn modelId="{92234B7D-5152-47B4-8A1E-968CDE00FBB7}" type="presOf" srcId="{6EF80616-1C2A-443C-8AD2-59528A64FE2A}" destId="{9E9EECDA-E9BF-42BD-A82F-ECFAF8D252EA}" srcOrd="1" destOrd="0" presId="urn:microsoft.com/office/officeart/2005/8/layout/chart3"/>
    <dgm:cxn modelId="{A90BD088-0EED-4152-8E4C-98E31DFBD945}" srcId="{0FC7150F-F0A6-45ED-A81D-91409D3E1174}" destId="{EAF2F04A-855B-45E4-8DE0-799B26FED0AC}" srcOrd="1" destOrd="0" parTransId="{15A36733-C9FA-481F-87A2-4A56F59AB8B7}" sibTransId="{E9BDA5AF-ED4D-4617-8CF6-B90D5E375724}"/>
    <dgm:cxn modelId="{D508FC94-B73F-4805-BA12-F6457033BDA6}" srcId="{0FC7150F-F0A6-45ED-A81D-91409D3E1174}" destId="{6EF80616-1C2A-443C-8AD2-59528A64FE2A}" srcOrd="4" destOrd="0" parTransId="{42E6F531-D8E5-4501-B471-E68BA07E8C01}" sibTransId="{6D51BB96-0539-4829-B109-1A5B9E8787FE}"/>
    <dgm:cxn modelId="{C907C3A8-E5F3-4E09-9EE6-259B9F3CB581}" type="presOf" srcId="{EAF2F04A-855B-45E4-8DE0-799B26FED0AC}" destId="{EEA73243-3CC5-4D69-89AA-9B43A094D79E}" srcOrd="0" destOrd="0" presId="urn:microsoft.com/office/officeart/2005/8/layout/chart3"/>
    <dgm:cxn modelId="{673269AB-A195-4122-A878-581B260BBD5C}" type="presOf" srcId="{1D7BC602-A551-4FF0-AC14-7D441988977C}" destId="{E5464C76-DB82-4316-94BA-629BD5EC22C4}" srcOrd="0" destOrd="0" presId="urn:microsoft.com/office/officeart/2005/8/layout/chart3"/>
    <dgm:cxn modelId="{517D11B5-B4B2-4D97-943B-92E59AD882FE}" type="presOf" srcId="{518B3F95-70CC-4CDB-BBE9-010CD9A22119}" destId="{ED6B7DD2-6D88-43AC-8FAC-0F85F20D1905}" srcOrd="0" destOrd="0" presId="urn:microsoft.com/office/officeart/2005/8/layout/chart3"/>
    <dgm:cxn modelId="{5EB2EFD1-FEFF-48DB-8F37-E73766725535}" srcId="{0FC7150F-F0A6-45ED-A81D-91409D3E1174}" destId="{518B3F95-70CC-4CDB-BBE9-010CD9A22119}" srcOrd="5" destOrd="0" parTransId="{B8008EA9-B69F-4F7E-9C15-1C34F0B06F69}" sibTransId="{E078B7AA-6D5D-41B4-9BE8-2D98A298AB30}"/>
    <dgm:cxn modelId="{15E149F9-8AC6-4EDF-A97F-B1C0DC0EC785}" type="presOf" srcId="{42F16968-8020-4B57-BC48-CA9EA1C01F51}" destId="{CD67746C-B166-4CE0-8119-5F43CD3B6084}" srcOrd="0" destOrd="0" presId="urn:microsoft.com/office/officeart/2005/8/layout/chart3"/>
    <dgm:cxn modelId="{AEDD65FD-735F-493F-A98B-0C05FBC9A547}" srcId="{0FC7150F-F0A6-45ED-A81D-91409D3E1174}" destId="{18870F9B-3ED9-4309-BE67-B310FE4E46E2}" srcOrd="0" destOrd="0" parTransId="{55B92B45-F88A-4823-AE05-E1796476D7FF}" sibTransId="{371E69D1-9D07-4980-B170-A9BDBAA8DAF7}"/>
    <dgm:cxn modelId="{ABB3F868-8811-46F4-ABA3-8CA6B3653F68}" type="presParOf" srcId="{64204B5D-C486-484B-A7FA-3D19659529DF}" destId="{A9B1F35A-0696-45D5-B348-E4DDDA6D7113}" srcOrd="0" destOrd="0" presId="urn:microsoft.com/office/officeart/2005/8/layout/chart3"/>
    <dgm:cxn modelId="{F4944CFA-76CC-48B4-9392-DF7E881EE11D}" type="presParOf" srcId="{64204B5D-C486-484B-A7FA-3D19659529DF}" destId="{894C371B-F7AA-4065-9F6C-11A96C875C96}" srcOrd="1" destOrd="0" presId="urn:microsoft.com/office/officeart/2005/8/layout/chart3"/>
    <dgm:cxn modelId="{33623F9F-AE1B-45CA-8E74-0EC590A31092}" type="presParOf" srcId="{64204B5D-C486-484B-A7FA-3D19659529DF}" destId="{EEA73243-3CC5-4D69-89AA-9B43A094D79E}" srcOrd="2" destOrd="0" presId="urn:microsoft.com/office/officeart/2005/8/layout/chart3"/>
    <dgm:cxn modelId="{2D863BAC-555D-4A34-8D02-843696634D9D}" type="presParOf" srcId="{64204B5D-C486-484B-A7FA-3D19659529DF}" destId="{01957E96-905F-4A3F-B39B-B28DC7231DED}" srcOrd="3" destOrd="0" presId="urn:microsoft.com/office/officeart/2005/8/layout/chart3"/>
    <dgm:cxn modelId="{FD86E2E5-E8C4-4F15-A7D6-E30C14E00045}" type="presParOf" srcId="{64204B5D-C486-484B-A7FA-3D19659529DF}" destId="{CD67746C-B166-4CE0-8119-5F43CD3B6084}" srcOrd="4" destOrd="0" presId="urn:microsoft.com/office/officeart/2005/8/layout/chart3"/>
    <dgm:cxn modelId="{1DF64E1A-1D06-476D-B71F-807AC2246131}" type="presParOf" srcId="{64204B5D-C486-484B-A7FA-3D19659529DF}" destId="{4B343DB9-BA29-46A7-90A9-19DBA5DBCA3C}" srcOrd="5" destOrd="0" presId="urn:microsoft.com/office/officeart/2005/8/layout/chart3"/>
    <dgm:cxn modelId="{BF159809-9B09-4817-9A37-ABCC98D1382E}" type="presParOf" srcId="{64204B5D-C486-484B-A7FA-3D19659529DF}" destId="{52E33B99-A641-4937-AA95-AFFE5026097E}" srcOrd="6" destOrd="0" presId="urn:microsoft.com/office/officeart/2005/8/layout/chart3"/>
    <dgm:cxn modelId="{EE2D2138-1615-4BD4-BE46-EE3629530BD7}" type="presParOf" srcId="{64204B5D-C486-484B-A7FA-3D19659529DF}" destId="{8E344630-1261-4DA7-8620-6BE291D3FB7F}" srcOrd="7" destOrd="0" presId="urn:microsoft.com/office/officeart/2005/8/layout/chart3"/>
    <dgm:cxn modelId="{313152E3-D2A0-45D5-B249-1D53521D2C81}" type="presParOf" srcId="{64204B5D-C486-484B-A7FA-3D19659529DF}" destId="{7BC9ADBD-79B6-4CDD-BD7A-917BB62C25C5}" srcOrd="8" destOrd="0" presId="urn:microsoft.com/office/officeart/2005/8/layout/chart3"/>
    <dgm:cxn modelId="{24966493-ED76-4232-B8D6-65B4E91F92C1}" type="presParOf" srcId="{64204B5D-C486-484B-A7FA-3D19659529DF}" destId="{9E9EECDA-E9BF-42BD-A82F-ECFAF8D252EA}" srcOrd="9" destOrd="0" presId="urn:microsoft.com/office/officeart/2005/8/layout/chart3"/>
    <dgm:cxn modelId="{B56D2598-0010-412D-8BE0-A86DBBDADADE}" type="presParOf" srcId="{64204B5D-C486-484B-A7FA-3D19659529DF}" destId="{ED6B7DD2-6D88-43AC-8FAC-0F85F20D1905}" srcOrd="10" destOrd="0" presId="urn:microsoft.com/office/officeart/2005/8/layout/chart3"/>
    <dgm:cxn modelId="{B553C123-BA26-4449-AAA9-DF44497E58A5}" type="presParOf" srcId="{64204B5D-C486-484B-A7FA-3D19659529DF}" destId="{C4F97F3F-2A22-44D3-AA4C-09B5725968C8}" srcOrd="11" destOrd="0" presId="urn:microsoft.com/office/officeart/2005/8/layout/chart3"/>
    <dgm:cxn modelId="{765C959B-A096-4534-AC8C-27FAC96616D3}" type="presParOf" srcId="{64204B5D-C486-484B-A7FA-3D19659529DF}" destId="{E5464C76-DB82-4316-94BA-629BD5EC22C4}" srcOrd="12" destOrd="0" presId="urn:microsoft.com/office/officeart/2005/8/layout/chart3"/>
    <dgm:cxn modelId="{1346E4C4-AF3E-476E-BD75-3CB61A6F8E04}" type="presParOf" srcId="{64204B5D-C486-484B-A7FA-3D19659529DF}" destId="{4321A84A-CCDC-4296-967A-806E1435C011}" srcOrd="13" destOrd="0" presId="urn:microsoft.com/office/officeart/2005/8/layout/chart3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C250472A-34A4-4397-B046-816BDF1DB87C}" type="doc">
      <dgm:prSet loTypeId="urn:microsoft.com/office/officeart/2005/8/layout/hierarchy1" loCatId="hierarchy" qsTypeId="urn:microsoft.com/office/officeart/2005/8/quickstyle/simple1" qsCatId="simple" csTypeId="urn:microsoft.com/office/officeart/2005/8/colors/accent1_2" csCatId="accent1" phldr="1"/>
      <dgm:spPr/>
      <dgm:t>
        <a:bodyPr rtlCol="false"/>
        <a:lstStyle/>
        <a:p>
          <a:pPr rtl="false"/>
          <a:endParaRPr lang="da-DK"/>
        </a:p>
      </dgm:t>
    </dgm:pt>
    <dgm:pt modelId="{AC518BF3-EDF8-4C61-9616-C205AADCBD70}">
      <dgm:prSet phldrT="[Tekst]"/>
      <dgm:spPr/>
      <dgm:t>
        <a:bodyPr rtlCol="false"/>
        <a:lstStyle/>
        <a:p>
          <a:pPr rtl="false"/>
          <a:r>
            <a:rPr lang="en-gb" b="1"/>
            <a:t>Tripping hazard</a:t>
          </a:r>
        </a:p>
      </dgm:t>
    </dgm:pt>
    <dgm:pt modelId="{76F78D78-C641-40E8-A098-6C9B9C0D14CA}" type="parTrans" cxnId="{B2592A33-B0CE-42D4-AA18-32BDD5876723}">
      <dgm:prSet/>
      <dgm:spPr/>
      <dgm:t>
        <a:bodyPr rtlCol="false"/>
        <a:lstStyle/>
        <a:p>
          <a:pPr rtl="false"/>
          <a:endParaRPr lang="da-DK"/>
        </a:p>
      </dgm:t>
    </dgm:pt>
    <dgm:pt modelId="{35730EBD-F10F-4887-8BE8-B5DAAF3829CF}" type="sibTrans" cxnId="{B2592A33-B0CE-42D4-AA18-32BDD5876723}">
      <dgm:prSet/>
      <dgm:spPr/>
      <dgm:t>
        <a:bodyPr rtlCol="false"/>
        <a:lstStyle/>
        <a:p>
          <a:pPr rtl="false"/>
          <a:endParaRPr lang="da-DK"/>
        </a:p>
      </dgm:t>
    </dgm:pt>
    <dgm:pt modelId="{0CB825F6-68D1-4555-B086-42322035C4E1}">
      <dgm:prSet phldrT="[Tekst]"/>
      <dgm:spPr/>
      <dgm:t>
        <a:bodyPr rtlCol="false"/>
        <a:lstStyle/>
        <a:p>
          <a:pPr rtl="false"/>
          <a:r>
            <a:rPr lang="en-gb"/>
            <a:t>Because sometimes the floor is wet</a:t>
          </a:r>
        </a:p>
      </dgm:t>
    </dgm:pt>
    <dgm:pt modelId="{97404B11-F797-4E6D-A317-E86FCFC321A3}" type="parTrans" cxnId="{EEBCF914-A71E-4729-928E-9C3B6F604DE6}">
      <dgm:prSet/>
      <dgm:spPr/>
      <dgm:t>
        <a:bodyPr rtlCol="false"/>
        <a:lstStyle/>
        <a:p>
          <a:pPr rtl="false"/>
          <a:endParaRPr lang="da-DK"/>
        </a:p>
      </dgm:t>
    </dgm:pt>
    <dgm:pt modelId="{8AE62B53-5C6D-40F9-8F0F-297DC1E84517}" type="sibTrans" cxnId="{EEBCF914-A71E-4729-928E-9C3B6F604DE6}">
      <dgm:prSet/>
      <dgm:spPr/>
      <dgm:t>
        <a:bodyPr rtlCol="false"/>
        <a:lstStyle/>
        <a:p>
          <a:pPr rtl="false"/>
          <a:endParaRPr lang="da-DK"/>
        </a:p>
      </dgm:t>
    </dgm:pt>
    <dgm:pt modelId="{8D915E51-0D8F-4345-9811-CF93050584B2}">
      <dgm:prSet phldrT="[Tekst]"/>
      <dgm:spPr/>
      <dgm:t>
        <a:bodyPr rtlCol="false"/>
        <a:lstStyle/>
        <a:p>
          <a:pPr rtl="false"/>
          <a:r>
            <a:rPr lang="en-gb"/>
            <a:t>Because the floor is washed during working hours</a:t>
          </a:r>
        </a:p>
      </dgm:t>
    </dgm:pt>
    <dgm:pt modelId="{300C4C49-5912-4D0A-A99C-CBBD9FA1D55D}" type="parTrans" cxnId="{23F3937C-1A94-4939-822B-13BABE099507}">
      <dgm:prSet/>
      <dgm:spPr/>
      <dgm:t>
        <a:bodyPr rtlCol="false"/>
        <a:lstStyle/>
        <a:p>
          <a:pPr rtl="false"/>
          <a:endParaRPr lang="da-DK"/>
        </a:p>
      </dgm:t>
    </dgm:pt>
    <dgm:pt modelId="{68CCADDD-15E2-4989-9DF6-2295A960330D}" type="sibTrans" cxnId="{23F3937C-1A94-4939-822B-13BABE099507}">
      <dgm:prSet/>
      <dgm:spPr/>
      <dgm:t>
        <a:bodyPr rtlCol="false"/>
        <a:lstStyle/>
        <a:p>
          <a:pPr rtl="false"/>
          <a:endParaRPr lang="da-DK"/>
        </a:p>
      </dgm:t>
    </dgm:pt>
    <dgm:pt modelId="{A6035C79-7A39-40EA-B19F-753253D03896}">
      <dgm:prSet phldrT="[Tekst]"/>
      <dgm:spPr/>
      <dgm:t>
        <a:bodyPr rtlCol="false"/>
        <a:lstStyle/>
        <a:p>
          <a:pPr rtl="false"/>
          <a:r>
            <a:rPr lang="en-gb"/>
            <a:t>Because the floor is worn and uneven</a:t>
          </a:r>
        </a:p>
      </dgm:t>
    </dgm:pt>
    <dgm:pt modelId="{7A24580E-1A19-4FC8-BE2F-42AD7CE4C10F}" type="parTrans" cxnId="{130F3781-8EC9-4967-A5E4-A9DA7AF85BCA}">
      <dgm:prSet/>
      <dgm:spPr/>
      <dgm:t>
        <a:bodyPr rtlCol="false"/>
        <a:lstStyle/>
        <a:p>
          <a:pPr rtl="false"/>
          <a:endParaRPr lang="da-DK"/>
        </a:p>
      </dgm:t>
    </dgm:pt>
    <dgm:pt modelId="{7E1C3FBF-12F1-4D03-88D0-F5C3A5E64092}" type="sibTrans" cxnId="{130F3781-8EC9-4967-A5E4-A9DA7AF85BCA}">
      <dgm:prSet/>
      <dgm:spPr/>
      <dgm:t>
        <a:bodyPr rtlCol="false"/>
        <a:lstStyle/>
        <a:p>
          <a:pPr rtl="false"/>
          <a:endParaRPr lang="da-DK"/>
        </a:p>
      </dgm:t>
    </dgm:pt>
    <dgm:pt modelId="{4948060B-5699-4CA0-B050-3839D14BA0B7}">
      <dgm:prSet phldrT="[Tekst]"/>
      <dgm:spPr/>
      <dgm:t>
        <a:bodyPr rtlCol="false"/>
        <a:lstStyle/>
        <a:p>
          <a:pPr rtl="false"/>
          <a:r>
            <a:rPr lang="en-gb"/>
            <a:t>Because we’re too busy</a:t>
          </a:r>
        </a:p>
      </dgm:t>
    </dgm:pt>
    <dgm:pt modelId="{6E821D73-0236-40EF-934E-F5E5E1B08C00}" type="parTrans" cxnId="{087548C0-1AA1-4BCC-BFCB-EDE11ED05641}">
      <dgm:prSet/>
      <dgm:spPr/>
      <dgm:t>
        <a:bodyPr rtlCol="false"/>
        <a:lstStyle/>
        <a:p>
          <a:pPr rtl="false"/>
          <a:endParaRPr lang="da-DK"/>
        </a:p>
      </dgm:t>
    </dgm:pt>
    <dgm:pt modelId="{C97EFA16-D008-40D0-B0C0-701AEEDB040D}" type="sibTrans" cxnId="{087548C0-1AA1-4BCC-BFCB-EDE11ED05641}">
      <dgm:prSet/>
      <dgm:spPr/>
      <dgm:t>
        <a:bodyPr rtlCol="false"/>
        <a:lstStyle/>
        <a:p>
          <a:pPr rtl="false"/>
          <a:endParaRPr lang="da-DK"/>
        </a:p>
      </dgm:t>
    </dgm:pt>
    <dgm:pt modelId="{15E897B5-4FF8-4A90-990B-C9942597B828}">
      <dgm:prSet phldrT="[Tekst]"/>
      <dgm:spPr/>
      <dgm:t>
        <a:bodyPr rtlCol="false"/>
        <a:lstStyle/>
        <a:p>
          <a:pPr rtl="false"/>
          <a:r>
            <a:rPr lang="en-gb"/>
            <a:t>Because we often get extra tasks</a:t>
          </a:r>
        </a:p>
      </dgm:t>
    </dgm:pt>
    <dgm:pt modelId="{83B3C9CF-EAC9-48C7-89AD-5DFCDED6C0DB}" type="parTrans" cxnId="{9AF90875-72A2-48FA-9417-A5559E679BFC}">
      <dgm:prSet/>
      <dgm:spPr/>
      <dgm:t>
        <a:bodyPr rtlCol="false"/>
        <a:lstStyle/>
        <a:p>
          <a:pPr rtl="false"/>
          <a:endParaRPr lang="da-DK"/>
        </a:p>
      </dgm:t>
    </dgm:pt>
    <dgm:pt modelId="{9800A0C2-1094-4F16-A410-66A3FE6A268B}" type="sibTrans" cxnId="{9AF90875-72A2-48FA-9417-A5559E679BFC}">
      <dgm:prSet/>
      <dgm:spPr/>
      <dgm:t>
        <a:bodyPr rtlCol="false"/>
        <a:lstStyle/>
        <a:p>
          <a:pPr rtl="false"/>
          <a:endParaRPr lang="da-DK"/>
        </a:p>
      </dgm:t>
    </dgm:pt>
    <dgm:pt modelId="{20D914AB-4EBA-4ED3-B92E-A5D3B85A6E71}">
      <dgm:prSet phldrT="[Tekst]"/>
      <dgm:spPr/>
      <dgm:t>
        <a:bodyPr rtlCol="false"/>
        <a:lstStyle/>
        <a:p>
          <a:pPr rtl="false"/>
          <a:r>
            <a:rPr lang="en-gb"/>
            <a:t>Because it’s dark in the corridor</a:t>
          </a:r>
        </a:p>
      </dgm:t>
    </dgm:pt>
    <dgm:pt modelId="{258463AB-9E64-4A14-B959-109E88E9149B}" type="parTrans" cxnId="{32F64F77-8848-481F-BF9E-64D294B815EE}">
      <dgm:prSet/>
      <dgm:spPr/>
      <dgm:t>
        <a:bodyPr rtlCol="false"/>
        <a:lstStyle/>
        <a:p>
          <a:pPr rtl="false"/>
          <a:endParaRPr lang="da-DK"/>
        </a:p>
      </dgm:t>
    </dgm:pt>
    <dgm:pt modelId="{A0961092-A8C3-4A12-9D03-F6BF89461377}" type="sibTrans" cxnId="{32F64F77-8848-481F-BF9E-64D294B815EE}">
      <dgm:prSet/>
      <dgm:spPr/>
      <dgm:t>
        <a:bodyPr rtlCol="false"/>
        <a:lstStyle/>
        <a:p>
          <a:pPr rtl="false"/>
          <a:endParaRPr lang="da-DK"/>
        </a:p>
      </dgm:t>
    </dgm:pt>
    <dgm:pt modelId="{80E9DD14-F366-4DB8-AA75-70CE4301C78A}">
      <dgm:prSet/>
      <dgm:spPr/>
      <dgm:t>
        <a:bodyPr rtlCol="false"/>
        <a:lstStyle/>
        <a:p>
          <a:pPr rtl="false"/>
          <a:r>
            <a:rPr lang="en-gb"/>
            <a:t>Because there is a lot of sickness</a:t>
          </a:r>
        </a:p>
      </dgm:t>
    </dgm:pt>
    <dgm:pt modelId="{1743843B-A28D-4FCF-9868-DFACCEB01972}" type="parTrans" cxnId="{1D4D7537-6EC3-4370-84AC-21B97A22B298}">
      <dgm:prSet/>
      <dgm:spPr/>
      <dgm:t>
        <a:bodyPr rtlCol="false"/>
        <a:lstStyle/>
        <a:p>
          <a:pPr rtl="false"/>
          <a:endParaRPr lang="da-DK"/>
        </a:p>
      </dgm:t>
    </dgm:pt>
    <dgm:pt modelId="{41563F0A-0909-42F3-A2CC-299C572ED136}" type="sibTrans" cxnId="{1D4D7537-6EC3-4370-84AC-21B97A22B298}">
      <dgm:prSet/>
      <dgm:spPr/>
      <dgm:t>
        <a:bodyPr rtlCol="false"/>
        <a:lstStyle/>
        <a:p>
          <a:pPr rtl="false"/>
          <a:endParaRPr lang="da-DK"/>
        </a:p>
      </dgm:t>
    </dgm:pt>
    <dgm:pt modelId="{936876B0-4FAE-42AD-9044-839FB29DBA27}">
      <dgm:prSet/>
      <dgm:spPr/>
      <dgm:t>
        <a:bodyPr rtlCol="false"/>
        <a:lstStyle/>
        <a:p>
          <a:pPr rtl="false"/>
          <a:r>
            <a:rPr lang="en-gb"/>
            <a:t>Because we can’t switch on the light</a:t>
          </a:r>
        </a:p>
      </dgm:t>
    </dgm:pt>
    <dgm:pt modelId="{944A85F0-C3A7-451A-8D4F-A48211244016}" type="parTrans" cxnId="{22B936A3-61D7-43EC-9159-45D0A77515DC}">
      <dgm:prSet/>
      <dgm:spPr/>
      <dgm:t>
        <a:bodyPr rtlCol="false"/>
        <a:lstStyle/>
        <a:p>
          <a:pPr rtl="false"/>
          <a:endParaRPr lang="da-DK"/>
        </a:p>
      </dgm:t>
    </dgm:pt>
    <dgm:pt modelId="{761F2CE0-99A5-4719-ABBB-C21E14FAFDCA}" type="sibTrans" cxnId="{22B936A3-61D7-43EC-9159-45D0A77515DC}">
      <dgm:prSet/>
      <dgm:spPr/>
      <dgm:t>
        <a:bodyPr rtlCol="false"/>
        <a:lstStyle/>
        <a:p>
          <a:pPr rtl="false"/>
          <a:endParaRPr lang="da-DK"/>
        </a:p>
      </dgm:t>
    </dgm:pt>
    <dgm:pt modelId="{1B14BCEA-F01F-4FBE-8FAA-B71B2235B45C}">
      <dgm:prSet/>
      <dgm:spPr/>
      <dgm:t>
        <a:bodyPr rtlCol="false"/>
        <a:lstStyle/>
        <a:p>
          <a:pPr rtl="false"/>
          <a:r>
            <a:rPr lang="en-gb"/>
            <a:t>Because we often must carry the equipment</a:t>
          </a:r>
        </a:p>
      </dgm:t>
    </dgm:pt>
    <dgm:pt modelId="{5442FA4B-29D2-4610-965A-9F465B75E158}" type="parTrans" cxnId="{E7007ECD-F8D0-4756-9955-DF4DD52A0E27}">
      <dgm:prSet/>
      <dgm:spPr/>
      <dgm:t>
        <a:bodyPr rtlCol="false"/>
        <a:lstStyle/>
        <a:p>
          <a:pPr rtl="false"/>
          <a:endParaRPr lang="da-DK"/>
        </a:p>
      </dgm:t>
    </dgm:pt>
    <dgm:pt modelId="{9FBBE162-F8C3-4B82-A5AD-A9577AB1F61F}" type="sibTrans" cxnId="{E7007ECD-F8D0-4756-9955-DF4DD52A0E27}">
      <dgm:prSet/>
      <dgm:spPr/>
      <dgm:t>
        <a:bodyPr rtlCol="false"/>
        <a:lstStyle/>
        <a:p>
          <a:pPr rtl="false"/>
          <a:endParaRPr lang="da-DK"/>
        </a:p>
      </dgm:t>
    </dgm:pt>
    <dgm:pt modelId="{E75A93CA-D376-4ED5-B944-49D6A5BA0825}">
      <dgm:prSet/>
      <dgm:spPr/>
      <dgm:t>
        <a:bodyPr rtlCol="false"/>
        <a:lstStyle/>
        <a:p>
          <a:pPr rtl="false"/>
          <a:r>
            <a:rPr lang="en-gb"/>
            <a:t>Because there are too few transport vehicles</a:t>
          </a:r>
        </a:p>
      </dgm:t>
    </dgm:pt>
    <dgm:pt modelId="{F21A4E35-1ACD-4060-9E9C-1D1D84E09E59}" type="parTrans" cxnId="{D3C1555F-9DCF-412D-8CC7-D6DE68064BAC}">
      <dgm:prSet/>
      <dgm:spPr/>
      <dgm:t>
        <a:bodyPr rtlCol="false"/>
        <a:lstStyle/>
        <a:p>
          <a:pPr rtl="false"/>
          <a:endParaRPr lang="da-DK"/>
        </a:p>
      </dgm:t>
    </dgm:pt>
    <dgm:pt modelId="{B53B6D53-3C9F-43B6-950A-2B0C60F0980C}" type="sibTrans" cxnId="{D3C1555F-9DCF-412D-8CC7-D6DE68064BAC}">
      <dgm:prSet/>
      <dgm:spPr/>
      <dgm:t>
        <a:bodyPr rtlCol="false"/>
        <a:lstStyle/>
        <a:p>
          <a:pPr rtl="false"/>
          <a:endParaRPr lang="da-DK"/>
        </a:p>
      </dgm:t>
    </dgm:pt>
    <dgm:pt modelId="{FD1083EB-1700-4282-A215-D15E14756032}">
      <dgm:prSet/>
      <dgm:spPr/>
      <dgm:t>
        <a:bodyPr rtlCol="false"/>
        <a:lstStyle/>
        <a:p>
          <a:pPr rtl="false"/>
          <a:r>
            <a:rPr lang="en-gb"/>
            <a:t>Because we are conscientious</a:t>
          </a:r>
        </a:p>
      </dgm:t>
    </dgm:pt>
    <dgm:pt modelId="{8BA56DA6-ABB5-4850-9DBB-5B6651BFEF3A}" type="parTrans" cxnId="{F11C7AFE-9146-4067-BE23-D5FC8671C00C}">
      <dgm:prSet/>
      <dgm:spPr/>
      <dgm:t>
        <a:bodyPr rtlCol="false"/>
        <a:lstStyle/>
        <a:p>
          <a:pPr rtl="false"/>
          <a:endParaRPr lang="da-DK"/>
        </a:p>
      </dgm:t>
    </dgm:pt>
    <dgm:pt modelId="{78AEE40F-3B78-4F5E-B77A-44C7CF087084}" type="sibTrans" cxnId="{F11C7AFE-9146-4067-BE23-D5FC8671C00C}">
      <dgm:prSet/>
      <dgm:spPr/>
      <dgm:t>
        <a:bodyPr rtlCol="false"/>
        <a:lstStyle/>
        <a:p>
          <a:pPr rtl="false"/>
          <a:endParaRPr lang="da-DK"/>
        </a:p>
      </dgm:t>
    </dgm:pt>
    <dgm:pt modelId="{21C43BE5-2B63-4F5F-985E-D783733F8501}">
      <dgm:prSet/>
      <dgm:spPr/>
      <dgm:t>
        <a:bodyPr rtlCol="false"/>
        <a:lstStyle/>
        <a:p>
          <a:pPr rtl="false"/>
          <a:r>
            <a:rPr lang="en-gb"/>
            <a:t>Because there is no temp cover</a:t>
          </a:r>
        </a:p>
      </dgm:t>
    </dgm:pt>
    <dgm:pt modelId="{E5352686-7AB1-469B-A053-D48B84B788D0}" type="parTrans" cxnId="{40F66B85-2365-45E0-9DFB-C2190D286DC3}">
      <dgm:prSet/>
      <dgm:spPr/>
      <dgm:t>
        <a:bodyPr rtlCol="false"/>
        <a:lstStyle/>
        <a:p>
          <a:pPr rtl="false"/>
          <a:endParaRPr lang="da-DK"/>
        </a:p>
      </dgm:t>
    </dgm:pt>
    <dgm:pt modelId="{3BCC1B94-3380-43BA-901B-A2135FC5D7C6}" type="sibTrans" cxnId="{40F66B85-2365-45E0-9DFB-C2190D286DC3}">
      <dgm:prSet/>
      <dgm:spPr/>
      <dgm:t>
        <a:bodyPr rtlCol="false"/>
        <a:lstStyle/>
        <a:p>
          <a:pPr rtl="false"/>
          <a:endParaRPr lang="da-DK"/>
        </a:p>
      </dgm:t>
    </dgm:pt>
    <dgm:pt modelId="{1DDEE3A3-1686-4FFA-B88B-527ACF73EC51}">
      <dgm:prSet/>
      <dgm:spPr/>
      <dgm:t>
        <a:bodyPr rtlCol="false"/>
        <a:lstStyle/>
        <a:p>
          <a:pPr rtl="false"/>
          <a:r>
            <a:rPr lang="en-gb"/>
            <a:t>Because the economy is bad</a:t>
          </a:r>
        </a:p>
      </dgm:t>
    </dgm:pt>
    <dgm:pt modelId="{7BDE9E29-2303-4F15-8205-EA692DC4B6FC}" type="parTrans" cxnId="{FCBFC765-5AA2-4C5A-9022-E822908E8D52}">
      <dgm:prSet/>
      <dgm:spPr/>
      <dgm:t>
        <a:bodyPr rtlCol="false"/>
        <a:lstStyle/>
        <a:p>
          <a:pPr rtl="false"/>
          <a:endParaRPr lang="da-DK"/>
        </a:p>
      </dgm:t>
    </dgm:pt>
    <dgm:pt modelId="{C6224C2A-80F9-43FE-A855-0AB209328761}" type="sibTrans" cxnId="{FCBFC765-5AA2-4C5A-9022-E822908E8D52}">
      <dgm:prSet/>
      <dgm:spPr/>
      <dgm:t>
        <a:bodyPr rtlCol="false"/>
        <a:lstStyle/>
        <a:p>
          <a:pPr rtl="false"/>
          <a:endParaRPr lang="da-DK"/>
        </a:p>
      </dgm:t>
    </dgm:pt>
    <dgm:pt modelId="{5EB143C5-24BF-483C-8A50-CDBE4F71EF46}">
      <dgm:prSet/>
      <dgm:spPr/>
      <dgm:t>
        <a:bodyPr rtlCol="false"/>
        <a:lstStyle/>
        <a:p>
          <a:pPr rtl="false"/>
          <a:r>
            <a:rPr lang="en-gb"/>
            <a:t>Because management expects us to get it all done</a:t>
          </a:r>
        </a:p>
      </dgm:t>
    </dgm:pt>
    <dgm:pt modelId="{9347723E-71EC-409F-8795-2546F1134DEB}" type="parTrans" cxnId="{6566A0C4-675D-434B-A75A-C6E00CF13EB7}">
      <dgm:prSet/>
      <dgm:spPr/>
      <dgm:t>
        <a:bodyPr rtlCol="false"/>
        <a:lstStyle/>
        <a:p>
          <a:pPr rtl="false"/>
          <a:endParaRPr lang="da-DK"/>
        </a:p>
      </dgm:t>
    </dgm:pt>
    <dgm:pt modelId="{7C781399-1408-42D4-9BF8-D4544DCDEF0E}" type="sibTrans" cxnId="{6566A0C4-675D-434B-A75A-C6E00CF13EB7}">
      <dgm:prSet/>
      <dgm:spPr/>
      <dgm:t>
        <a:bodyPr rtlCol="false"/>
        <a:lstStyle/>
        <a:p>
          <a:pPr rtl="false"/>
          <a:endParaRPr lang="da-DK"/>
        </a:p>
      </dgm:t>
    </dgm:pt>
    <dgm:pt modelId="{01649993-D815-4977-B189-EF910C4C3518}">
      <dgm:prSet/>
      <dgm:spPr/>
      <dgm:t>
        <a:bodyPr rtlCol="false"/>
        <a:lstStyle/>
        <a:p>
          <a:pPr rtl="false"/>
          <a:r>
            <a:rPr lang="en-gb"/>
            <a:t>Because there is no plan B</a:t>
          </a:r>
        </a:p>
      </dgm:t>
    </dgm:pt>
    <dgm:pt modelId="{E7FB6E08-1BBC-4C09-8BDA-D4691CF10450}" type="parTrans" cxnId="{AC52A790-3760-4033-9F4C-217D569CFB1A}">
      <dgm:prSet/>
      <dgm:spPr/>
      <dgm:t>
        <a:bodyPr rtlCol="false"/>
        <a:lstStyle/>
        <a:p>
          <a:pPr rtl="false"/>
          <a:endParaRPr lang="da-DK"/>
        </a:p>
      </dgm:t>
    </dgm:pt>
    <dgm:pt modelId="{B4948FF5-9A2A-4FD6-BBDD-C11065C1932D}" type="sibTrans" cxnId="{AC52A790-3760-4033-9F4C-217D569CFB1A}">
      <dgm:prSet/>
      <dgm:spPr/>
      <dgm:t>
        <a:bodyPr rtlCol="false"/>
        <a:lstStyle/>
        <a:p>
          <a:pPr rtl="false"/>
          <a:endParaRPr lang="da-DK"/>
        </a:p>
      </dgm:t>
    </dgm:pt>
    <dgm:pt modelId="{95B99CF2-1838-4FE0-B631-AAC0C2C8CC9C}">
      <dgm:prSet/>
      <dgm:spPr/>
      <dgm:t>
        <a:bodyPr rtlCol="false"/>
        <a:lstStyle/>
        <a:p>
          <a:pPr rtl="false"/>
          <a:r>
            <a:rPr lang="en-gb"/>
            <a:t>Many employees are stressed</a:t>
          </a:r>
        </a:p>
      </dgm:t>
    </dgm:pt>
    <dgm:pt modelId="{66263F06-E746-43EE-96BC-863689B4C16E}" type="parTrans" cxnId="{AFE07198-A35E-48DC-8CDB-073DA5EA946C}">
      <dgm:prSet/>
      <dgm:spPr/>
      <dgm:t>
        <a:bodyPr rtlCol="false"/>
        <a:lstStyle/>
        <a:p>
          <a:pPr rtl="false"/>
          <a:endParaRPr lang="da-DK"/>
        </a:p>
      </dgm:t>
    </dgm:pt>
    <dgm:pt modelId="{F7BC0839-AC39-439E-BF3F-2B27BC75A7D3}" type="sibTrans" cxnId="{AFE07198-A35E-48DC-8CDB-073DA5EA946C}">
      <dgm:prSet/>
      <dgm:spPr/>
      <dgm:t>
        <a:bodyPr rtlCol="false"/>
        <a:lstStyle/>
        <a:p>
          <a:pPr rtl="false"/>
          <a:endParaRPr lang="da-DK"/>
        </a:p>
      </dgm:t>
    </dgm:pt>
    <dgm:pt modelId="{1C407A68-7E27-4870-89D6-5F586EF7DE42}" type="pres">
      <dgm:prSet presAssocID="{C250472A-34A4-4397-B046-816BDF1DB87C}" presName="hierChild1" presStyleCnt="0">
        <dgm:presLayoutVars>
          <dgm:chPref val="1"/>
          <dgm:dir/>
          <dgm:animOne val="branch"/>
          <dgm:animLvl val="lvl"/>
          <dgm:resizeHandles/>
        </dgm:presLayoutVars>
      </dgm:prSet>
      <dgm:spPr/>
    </dgm:pt>
    <dgm:pt modelId="{DA2F5826-BAF1-48DF-9AD0-ABE481FE2EAF}" type="pres">
      <dgm:prSet presAssocID="{AC518BF3-EDF8-4C61-9616-C205AADCBD70}" presName="hierRoot1" presStyleCnt="0"/>
      <dgm:spPr/>
    </dgm:pt>
    <dgm:pt modelId="{75BC307E-4444-4276-A4D4-D11CD7B1312F}" type="pres">
      <dgm:prSet presAssocID="{AC518BF3-EDF8-4C61-9616-C205AADCBD70}" presName="composite" presStyleCnt="0"/>
      <dgm:spPr/>
    </dgm:pt>
    <dgm:pt modelId="{9C1AF369-AF49-45D3-B9F7-69DB203F5E76}" type="pres">
      <dgm:prSet presAssocID="{AC518BF3-EDF8-4C61-9616-C205AADCBD70}" presName="background" presStyleLbl="node0" presStyleIdx="0" presStyleCnt="1"/>
      <dgm:spPr/>
    </dgm:pt>
    <dgm:pt modelId="{0CC9C954-9697-4E8D-9048-0C25795AEC44}" type="pres">
      <dgm:prSet presAssocID="{AC518BF3-EDF8-4C61-9616-C205AADCBD70}" presName="text" presStyleLbl="fgAcc0" presStyleIdx="0" presStyleCnt="1">
        <dgm:presLayoutVars>
          <dgm:chPref val="3"/>
        </dgm:presLayoutVars>
      </dgm:prSet>
      <dgm:spPr/>
    </dgm:pt>
    <dgm:pt modelId="{83C06C7E-7621-45F5-A227-1371ABA1F573}" type="pres">
      <dgm:prSet presAssocID="{AC518BF3-EDF8-4C61-9616-C205AADCBD70}" presName="hierChild2" presStyleCnt="0"/>
      <dgm:spPr/>
    </dgm:pt>
    <dgm:pt modelId="{FCAFE085-7F0C-4167-86C1-D7FBCB4AB90F}" type="pres">
      <dgm:prSet presAssocID="{97404B11-F797-4E6D-A317-E86FCFC321A3}" presName="Name10" presStyleLbl="parChTrans1D2" presStyleIdx="0" presStyleCnt="3"/>
      <dgm:spPr/>
    </dgm:pt>
    <dgm:pt modelId="{67A5B053-1870-42CF-A829-77F7E5DB81F9}" type="pres">
      <dgm:prSet presAssocID="{0CB825F6-68D1-4555-B086-42322035C4E1}" presName="hierRoot2" presStyleCnt="0"/>
      <dgm:spPr/>
    </dgm:pt>
    <dgm:pt modelId="{CDFB11C1-EA7A-40A5-9612-F00211A0B0E4}" type="pres">
      <dgm:prSet presAssocID="{0CB825F6-68D1-4555-B086-42322035C4E1}" presName="composite2" presStyleCnt="0"/>
      <dgm:spPr/>
    </dgm:pt>
    <dgm:pt modelId="{06DFB54C-5F04-419A-AAF6-781B81F05C52}" type="pres">
      <dgm:prSet presAssocID="{0CB825F6-68D1-4555-B086-42322035C4E1}" presName="background2" presStyleLbl="node2" presStyleIdx="0" presStyleCnt="3"/>
      <dgm:spPr/>
    </dgm:pt>
    <dgm:pt modelId="{C5AF6E55-92DC-4E3B-818B-C969568D15AA}" type="pres">
      <dgm:prSet presAssocID="{0CB825F6-68D1-4555-B086-42322035C4E1}" presName="text2" presStyleLbl="fgAcc2" presStyleIdx="0" presStyleCnt="3">
        <dgm:presLayoutVars>
          <dgm:chPref val="3"/>
        </dgm:presLayoutVars>
      </dgm:prSet>
      <dgm:spPr/>
    </dgm:pt>
    <dgm:pt modelId="{DCF72E26-A798-44C3-8EA1-013340C71B24}" type="pres">
      <dgm:prSet presAssocID="{0CB825F6-68D1-4555-B086-42322035C4E1}" presName="hierChild3" presStyleCnt="0"/>
      <dgm:spPr/>
    </dgm:pt>
    <dgm:pt modelId="{C8E6FE3F-42AB-40F9-8E58-4D5DA6039CEB}" type="pres">
      <dgm:prSet presAssocID="{300C4C49-5912-4D0A-A99C-CBBD9FA1D55D}" presName="Name17" presStyleLbl="parChTrans1D3" presStyleIdx="0" presStyleCnt="4"/>
      <dgm:spPr/>
    </dgm:pt>
    <dgm:pt modelId="{CE166B07-D63F-460A-A3DB-532876405836}" type="pres">
      <dgm:prSet presAssocID="{8D915E51-0D8F-4345-9811-CF93050584B2}" presName="hierRoot3" presStyleCnt="0"/>
      <dgm:spPr/>
    </dgm:pt>
    <dgm:pt modelId="{BC8CE786-8A5D-416E-A592-C3E690BC0206}" type="pres">
      <dgm:prSet presAssocID="{8D915E51-0D8F-4345-9811-CF93050584B2}" presName="composite3" presStyleCnt="0"/>
      <dgm:spPr/>
    </dgm:pt>
    <dgm:pt modelId="{232EF452-93A1-46F0-9269-6170C4C6A4E5}" type="pres">
      <dgm:prSet presAssocID="{8D915E51-0D8F-4345-9811-CF93050584B2}" presName="background3" presStyleLbl="node3" presStyleIdx="0" presStyleCnt="4"/>
      <dgm:spPr/>
    </dgm:pt>
    <dgm:pt modelId="{D0137F80-8789-4FF3-ACEA-9D257D552EEA}" type="pres">
      <dgm:prSet presAssocID="{8D915E51-0D8F-4345-9811-CF93050584B2}" presName="text3" presStyleLbl="fgAcc3" presStyleIdx="0" presStyleCnt="4">
        <dgm:presLayoutVars>
          <dgm:chPref val="3"/>
        </dgm:presLayoutVars>
      </dgm:prSet>
      <dgm:spPr/>
    </dgm:pt>
    <dgm:pt modelId="{D70033C7-A021-4884-AB19-5537A68454FF}" type="pres">
      <dgm:prSet presAssocID="{8D915E51-0D8F-4345-9811-CF93050584B2}" presName="hierChild4" presStyleCnt="0"/>
      <dgm:spPr/>
    </dgm:pt>
    <dgm:pt modelId="{668E705A-4047-4691-8B20-3B3C7F365490}" type="pres">
      <dgm:prSet presAssocID="{7A24580E-1A19-4FC8-BE2F-42AD7CE4C10F}" presName="Name17" presStyleLbl="parChTrans1D3" presStyleIdx="1" presStyleCnt="4"/>
      <dgm:spPr/>
    </dgm:pt>
    <dgm:pt modelId="{58A5F8D8-3CB6-4C4C-93CE-185B5BBB0123}" type="pres">
      <dgm:prSet presAssocID="{A6035C79-7A39-40EA-B19F-753253D03896}" presName="hierRoot3" presStyleCnt="0"/>
      <dgm:spPr/>
    </dgm:pt>
    <dgm:pt modelId="{C939B5C4-2299-4DB0-9F74-14871DF73AAE}" type="pres">
      <dgm:prSet presAssocID="{A6035C79-7A39-40EA-B19F-753253D03896}" presName="composite3" presStyleCnt="0"/>
      <dgm:spPr/>
    </dgm:pt>
    <dgm:pt modelId="{BEDBDB10-DA6F-4AD1-97E0-9C20E02BBC33}" type="pres">
      <dgm:prSet presAssocID="{A6035C79-7A39-40EA-B19F-753253D03896}" presName="background3" presStyleLbl="node3" presStyleIdx="1" presStyleCnt="4"/>
      <dgm:spPr/>
    </dgm:pt>
    <dgm:pt modelId="{0FB9CE28-47A1-4748-BB58-06AD76191712}" type="pres">
      <dgm:prSet presAssocID="{A6035C79-7A39-40EA-B19F-753253D03896}" presName="text3" presStyleLbl="fgAcc3" presStyleIdx="1" presStyleCnt="4">
        <dgm:presLayoutVars>
          <dgm:chPref val="3"/>
        </dgm:presLayoutVars>
      </dgm:prSet>
      <dgm:spPr/>
    </dgm:pt>
    <dgm:pt modelId="{5FAD16C0-B532-494A-8359-06149B491A6F}" type="pres">
      <dgm:prSet presAssocID="{A6035C79-7A39-40EA-B19F-753253D03896}" presName="hierChild4" presStyleCnt="0"/>
      <dgm:spPr/>
    </dgm:pt>
    <dgm:pt modelId="{2AEEF734-82C6-49ED-A622-8D904DE91E30}" type="pres">
      <dgm:prSet presAssocID="{6E821D73-0236-40EF-934E-F5E5E1B08C00}" presName="Name10" presStyleLbl="parChTrans1D2" presStyleIdx="1" presStyleCnt="3"/>
      <dgm:spPr/>
    </dgm:pt>
    <dgm:pt modelId="{E4B0E7E4-AD89-49A7-AD0A-D436D109D398}" type="pres">
      <dgm:prSet presAssocID="{4948060B-5699-4CA0-B050-3839D14BA0B7}" presName="hierRoot2" presStyleCnt="0"/>
      <dgm:spPr/>
    </dgm:pt>
    <dgm:pt modelId="{CBBFA9C0-733B-4633-B86A-247A92836ADD}" type="pres">
      <dgm:prSet presAssocID="{4948060B-5699-4CA0-B050-3839D14BA0B7}" presName="composite2" presStyleCnt="0"/>
      <dgm:spPr/>
    </dgm:pt>
    <dgm:pt modelId="{577D4264-D45B-4B55-9AC0-A798CB59EE07}" type="pres">
      <dgm:prSet presAssocID="{4948060B-5699-4CA0-B050-3839D14BA0B7}" presName="background2" presStyleLbl="node2" presStyleIdx="1" presStyleCnt="3"/>
      <dgm:spPr/>
    </dgm:pt>
    <dgm:pt modelId="{472F3ADC-98A4-4070-9229-CFAEEAD9F796}" type="pres">
      <dgm:prSet presAssocID="{4948060B-5699-4CA0-B050-3839D14BA0B7}" presName="text2" presStyleLbl="fgAcc2" presStyleIdx="1" presStyleCnt="3">
        <dgm:presLayoutVars>
          <dgm:chPref val="3"/>
        </dgm:presLayoutVars>
      </dgm:prSet>
      <dgm:spPr/>
    </dgm:pt>
    <dgm:pt modelId="{131006F5-E7B9-426B-825B-544AE7CC791C}" type="pres">
      <dgm:prSet presAssocID="{4948060B-5699-4CA0-B050-3839D14BA0B7}" presName="hierChild3" presStyleCnt="0"/>
      <dgm:spPr/>
    </dgm:pt>
    <dgm:pt modelId="{444A87F1-3A4E-4B80-9556-A68C4846FC15}" type="pres">
      <dgm:prSet presAssocID="{83B3C9CF-EAC9-48C7-89AD-5DFCDED6C0DB}" presName="Name17" presStyleLbl="parChTrans1D3" presStyleIdx="2" presStyleCnt="4"/>
      <dgm:spPr/>
    </dgm:pt>
    <dgm:pt modelId="{FCD82F74-7D02-4953-B76F-5F6E71C45995}" type="pres">
      <dgm:prSet presAssocID="{15E897B5-4FF8-4A90-990B-C9942597B828}" presName="hierRoot3" presStyleCnt="0"/>
      <dgm:spPr/>
    </dgm:pt>
    <dgm:pt modelId="{E15B386C-9D58-4C5A-82A1-DFFB12F15F80}" type="pres">
      <dgm:prSet presAssocID="{15E897B5-4FF8-4A90-990B-C9942597B828}" presName="composite3" presStyleCnt="0"/>
      <dgm:spPr/>
    </dgm:pt>
    <dgm:pt modelId="{EA657B15-B77D-4991-805C-1CCC0FB394B9}" type="pres">
      <dgm:prSet presAssocID="{15E897B5-4FF8-4A90-990B-C9942597B828}" presName="background3" presStyleLbl="node3" presStyleIdx="2" presStyleCnt="4"/>
      <dgm:spPr/>
    </dgm:pt>
    <dgm:pt modelId="{70B77ADC-7386-4B13-82F9-F9CEF93B0AC5}" type="pres">
      <dgm:prSet presAssocID="{15E897B5-4FF8-4A90-990B-C9942597B828}" presName="text3" presStyleLbl="fgAcc3" presStyleIdx="2" presStyleCnt="4">
        <dgm:presLayoutVars>
          <dgm:chPref val="3"/>
        </dgm:presLayoutVars>
      </dgm:prSet>
      <dgm:spPr/>
    </dgm:pt>
    <dgm:pt modelId="{1ADD7CBD-71BD-4B09-A39F-15AA7649E0BF}" type="pres">
      <dgm:prSet presAssocID="{15E897B5-4FF8-4A90-990B-C9942597B828}" presName="hierChild4" presStyleCnt="0"/>
      <dgm:spPr/>
    </dgm:pt>
    <dgm:pt modelId="{788C1207-F8EA-49B8-AD23-3B92A88A3522}" type="pres">
      <dgm:prSet presAssocID="{1743843B-A28D-4FCF-9868-DFACCEB01972}" presName="Name23" presStyleLbl="parChTrans1D4" presStyleIdx="0" presStyleCnt="9"/>
      <dgm:spPr/>
    </dgm:pt>
    <dgm:pt modelId="{C934DE4D-2750-47AA-9F03-F1619C104A3B}" type="pres">
      <dgm:prSet presAssocID="{80E9DD14-F366-4DB8-AA75-70CE4301C78A}" presName="hierRoot4" presStyleCnt="0"/>
      <dgm:spPr/>
    </dgm:pt>
    <dgm:pt modelId="{B39EEE28-A65A-4611-BECC-A82B25A9B5BD}" type="pres">
      <dgm:prSet presAssocID="{80E9DD14-F366-4DB8-AA75-70CE4301C78A}" presName="composite4" presStyleCnt="0"/>
      <dgm:spPr/>
    </dgm:pt>
    <dgm:pt modelId="{DDF8B290-D18E-4DEC-BFF8-BB920F1A26EB}" type="pres">
      <dgm:prSet presAssocID="{80E9DD14-F366-4DB8-AA75-70CE4301C78A}" presName="background4" presStyleLbl="node4" presStyleIdx="0" presStyleCnt="9"/>
      <dgm:spPr/>
    </dgm:pt>
    <dgm:pt modelId="{DFDB4790-1C99-412E-8DE8-D66B527D58E3}" type="pres">
      <dgm:prSet presAssocID="{80E9DD14-F366-4DB8-AA75-70CE4301C78A}" presName="text4" presStyleLbl="fgAcc4" presStyleIdx="0" presStyleCnt="9">
        <dgm:presLayoutVars>
          <dgm:chPref val="3"/>
        </dgm:presLayoutVars>
      </dgm:prSet>
      <dgm:spPr/>
    </dgm:pt>
    <dgm:pt modelId="{F993B0B4-1ACF-4F39-8C63-B70693B1FAC4}" type="pres">
      <dgm:prSet presAssocID="{80E9DD14-F366-4DB8-AA75-70CE4301C78A}" presName="hierChild5" presStyleCnt="0"/>
      <dgm:spPr/>
    </dgm:pt>
    <dgm:pt modelId="{B4290D80-346A-4421-AC6A-20FCE25F5241}" type="pres">
      <dgm:prSet presAssocID="{66263F06-E746-43EE-96BC-863689B4C16E}" presName="Name23" presStyleLbl="parChTrans1D4" presStyleIdx="1" presStyleCnt="9"/>
      <dgm:spPr/>
    </dgm:pt>
    <dgm:pt modelId="{8395E2ED-EC31-4019-84CB-659D2013215B}" type="pres">
      <dgm:prSet presAssocID="{95B99CF2-1838-4FE0-B631-AAC0C2C8CC9C}" presName="hierRoot4" presStyleCnt="0"/>
      <dgm:spPr/>
    </dgm:pt>
    <dgm:pt modelId="{9E31EEBD-3149-42A0-A30C-E915E2611382}" type="pres">
      <dgm:prSet presAssocID="{95B99CF2-1838-4FE0-B631-AAC0C2C8CC9C}" presName="composite4" presStyleCnt="0"/>
      <dgm:spPr/>
    </dgm:pt>
    <dgm:pt modelId="{820FDFB8-D43F-4C60-95E2-95A5E6B0BB2C}" type="pres">
      <dgm:prSet presAssocID="{95B99CF2-1838-4FE0-B631-AAC0C2C8CC9C}" presName="background4" presStyleLbl="node4" presStyleIdx="1" presStyleCnt="9"/>
      <dgm:spPr/>
    </dgm:pt>
    <dgm:pt modelId="{A2F3F342-58E0-4AC6-BA65-2448F56E933B}" type="pres">
      <dgm:prSet presAssocID="{95B99CF2-1838-4FE0-B631-AAC0C2C8CC9C}" presName="text4" presStyleLbl="fgAcc4" presStyleIdx="1" presStyleCnt="9">
        <dgm:presLayoutVars>
          <dgm:chPref val="3"/>
        </dgm:presLayoutVars>
      </dgm:prSet>
      <dgm:spPr/>
    </dgm:pt>
    <dgm:pt modelId="{B5C4D8CA-9963-4D76-A644-C1D9159526CD}" type="pres">
      <dgm:prSet presAssocID="{95B99CF2-1838-4FE0-B631-AAC0C2C8CC9C}" presName="hierChild5" presStyleCnt="0"/>
      <dgm:spPr/>
    </dgm:pt>
    <dgm:pt modelId="{FE2C31E1-C06B-4AF1-86B0-C1FD0D7040DD}" type="pres">
      <dgm:prSet presAssocID="{8BA56DA6-ABB5-4850-9DBB-5B6651BFEF3A}" presName="Name23" presStyleLbl="parChTrans1D4" presStyleIdx="2" presStyleCnt="9"/>
      <dgm:spPr/>
    </dgm:pt>
    <dgm:pt modelId="{C4B08E0A-C55D-4C7F-98CB-F056ECCCFD17}" type="pres">
      <dgm:prSet presAssocID="{FD1083EB-1700-4282-A215-D15E14756032}" presName="hierRoot4" presStyleCnt="0"/>
      <dgm:spPr/>
    </dgm:pt>
    <dgm:pt modelId="{6120B5E4-480C-4A05-BD1F-BC9CC131DD77}" type="pres">
      <dgm:prSet presAssocID="{FD1083EB-1700-4282-A215-D15E14756032}" presName="composite4" presStyleCnt="0"/>
      <dgm:spPr/>
    </dgm:pt>
    <dgm:pt modelId="{32C61DBA-D716-441F-90E8-C62EB12A6CA1}" type="pres">
      <dgm:prSet presAssocID="{FD1083EB-1700-4282-A215-D15E14756032}" presName="background4" presStyleLbl="node4" presStyleIdx="2" presStyleCnt="9"/>
      <dgm:spPr/>
    </dgm:pt>
    <dgm:pt modelId="{F7478EE2-064C-45F1-9BFC-25E736A47933}" type="pres">
      <dgm:prSet presAssocID="{FD1083EB-1700-4282-A215-D15E14756032}" presName="text4" presStyleLbl="fgAcc4" presStyleIdx="2" presStyleCnt="9">
        <dgm:presLayoutVars>
          <dgm:chPref val="3"/>
        </dgm:presLayoutVars>
      </dgm:prSet>
      <dgm:spPr/>
    </dgm:pt>
    <dgm:pt modelId="{E7E98328-EA12-4266-B7D0-3A3D31C243CA}" type="pres">
      <dgm:prSet presAssocID="{FD1083EB-1700-4282-A215-D15E14756032}" presName="hierChild5" presStyleCnt="0"/>
      <dgm:spPr/>
    </dgm:pt>
    <dgm:pt modelId="{8C7027CA-DBD1-4AB6-B22F-203651F21E17}" type="pres">
      <dgm:prSet presAssocID="{9347723E-71EC-409F-8795-2546F1134DEB}" presName="Name23" presStyleLbl="parChTrans1D4" presStyleIdx="3" presStyleCnt="9"/>
      <dgm:spPr/>
    </dgm:pt>
    <dgm:pt modelId="{E9AF2E73-D361-4324-84F6-5D95B6CA2B53}" type="pres">
      <dgm:prSet presAssocID="{5EB143C5-24BF-483C-8A50-CDBE4F71EF46}" presName="hierRoot4" presStyleCnt="0"/>
      <dgm:spPr/>
    </dgm:pt>
    <dgm:pt modelId="{C7DAFE53-CC3F-40E0-BABA-DABB16F94C43}" type="pres">
      <dgm:prSet presAssocID="{5EB143C5-24BF-483C-8A50-CDBE4F71EF46}" presName="composite4" presStyleCnt="0"/>
      <dgm:spPr/>
    </dgm:pt>
    <dgm:pt modelId="{9ABE6D1D-32CE-4DC0-8116-BC9918E4B9B0}" type="pres">
      <dgm:prSet presAssocID="{5EB143C5-24BF-483C-8A50-CDBE4F71EF46}" presName="background4" presStyleLbl="node4" presStyleIdx="3" presStyleCnt="9"/>
      <dgm:spPr/>
    </dgm:pt>
    <dgm:pt modelId="{2B1DD1D7-A41B-4221-A842-55546E8188AC}" type="pres">
      <dgm:prSet presAssocID="{5EB143C5-24BF-483C-8A50-CDBE4F71EF46}" presName="text4" presStyleLbl="fgAcc4" presStyleIdx="3" presStyleCnt="9">
        <dgm:presLayoutVars>
          <dgm:chPref val="3"/>
        </dgm:presLayoutVars>
      </dgm:prSet>
      <dgm:spPr/>
    </dgm:pt>
    <dgm:pt modelId="{5724A42B-26AF-4894-B1A1-EB526D1F7A6E}" type="pres">
      <dgm:prSet presAssocID="{5EB143C5-24BF-483C-8A50-CDBE4F71EF46}" presName="hierChild5" presStyleCnt="0"/>
      <dgm:spPr/>
    </dgm:pt>
    <dgm:pt modelId="{FD3DFA12-F220-476D-8EEB-1CD850676497}" type="pres">
      <dgm:prSet presAssocID="{E5352686-7AB1-469B-A053-D48B84B788D0}" presName="Name23" presStyleLbl="parChTrans1D4" presStyleIdx="4" presStyleCnt="9"/>
      <dgm:spPr/>
    </dgm:pt>
    <dgm:pt modelId="{09EAA18E-5386-4A74-A1FB-C2B9AAEF5147}" type="pres">
      <dgm:prSet presAssocID="{21C43BE5-2B63-4F5F-985E-D783733F8501}" presName="hierRoot4" presStyleCnt="0"/>
      <dgm:spPr/>
    </dgm:pt>
    <dgm:pt modelId="{046B5B19-4601-41F8-9A97-39B2C4C74AB1}" type="pres">
      <dgm:prSet presAssocID="{21C43BE5-2B63-4F5F-985E-D783733F8501}" presName="composite4" presStyleCnt="0"/>
      <dgm:spPr/>
    </dgm:pt>
    <dgm:pt modelId="{6C70419D-2189-4383-A234-317944A217BC}" type="pres">
      <dgm:prSet presAssocID="{21C43BE5-2B63-4F5F-985E-D783733F8501}" presName="background4" presStyleLbl="node4" presStyleIdx="4" presStyleCnt="9"/>
      <dgm:spPr/>
    </dgm:pt>
    <dgm:pt modelId="{17E6AD34-3A7E-4149-ADA4-6A70F8BA380F}" type="pres">
      <dgm:prSet presAssocID="{21C43BE5-2B63-4F5F-985E-D783733F8501}" presName="text4" presStyleLbl="fgAcc4" presStyleIdx="4" presStyleCnt="9">
        <dgm:presLayoutVars>
          <dgm:chPref val="3"/>
        </dgm:presLayoutVars>
      </dgm:prSet>
      <dgm:spPr/>
    </dgm:pt>
    <dgm:pt modelId="{8F02E659-4EB5-43BC-9B59-D83147CF5395}" type="pres">
      <dgm:prSet presAssocID="{21C43BE5-2B63-4F5F-985E-D783733F8501}" presName="hierChild5" presStyleCnt="0"/>
      <dgm:spPr/>
    </dgm:pt>
    <dgm:pt modelId="{5224CEAE-8530-4CC0-B28E-0B1B0D23ADE6}" type="pres">
      <dgm:prSet presAssocID="{7BDE9E29-2303-4F15-8205-EA692DC4B6FC}" presName="Name23" presStyleLbl="parChTrans1D4" presStyleIdx="5" presStyleCnt="9"/>
      <dgm:spPr/>
    </dgm:pt>
    <dgm:pt modelId="{B760AEC2-A2A8-4410-BBF2-9AEBEFADCC35}" type="pres">
      <dgm:prSet presAssocID="{1DDEE3A3-1686-4FFA-B88B-527ACF73EC51}" presName="hierRoot4" presStyleCnt="0"/>
      <dgm:spPr/>
    </dgm:pt>
    <dgm:pt modelId="{49EDD492-17AF-4961-845E-75A5EE0F4425}" type="pres">
      <dgm:prSet presAssocID="{1DDEE3A3-1686-4FFA-B88B-527ACF73EC51}" presName="composite4" presStyleCnt="0"/>
      <dgm:spPr/>
    </dgm:pt>
    <dgm:pt modelId="{0E669CD5-FD34-4E84-AE88-EF203005DC1D}" type="pres">
      <dgm:prSet presAssocID="{1DDEE3A3-1686-4FFA-B88B-527ACF73EC51}" presName="background4" presStyleLbl="node4" presStyleIdx="5" presStyleCnt="9"/>
      <dgm:spPr/>
    </dgm:pt>
    <dgm:pt modelId="{5F2DC2DF-69AF-42C2-A0E7-D60332376125}" type="pres">
      <dgm:prSet presAssocID="{1DDEE3A3-1686-4FFA-B88B-527ACF73EC51}" presName="text4" presStyleLbl="fgAcc4" presStyleIdx="5" presStyleCnt="9">
        <dgm:presLayoutVars>
          <dgm:chPref val="3"/>
        </dgm:presLayoutVars>
      </dgm:prSet>
      <dgm:spPr/>
    </dgm:pt>
    <dgm:pt modelId="{6B0E994F-5389-4F12-946B-9BD71AEFC334}" type="pres">
      <dgm:prSet presAssocID="{1DDEE3A3-1686-4FFA-B88B-527ACF73EC51}" presName="hierChild5" presStyleCnt="0"/>
      <dgm:spPr/>
    </dgm:pt>
    <dgm:pt modelId="{C541E5BB-8507-4359-80D2-AA204D23D059}" type="pres">
      <dgm:prSet presAssocID="{E7FB6E08-1BBC-4C09-8BDA-D4691CF10450}" presName="Name23" presStyleLbl="parChTrans1D4" presStyleIdx="6" presStyleCnt="9"/>
      <dgm:spPr/>
    </dgm:pt>
    <dgm:pt modelId="{0B7D0FE6-E1F8-4AE6-9429-4AA28B47B132}" type="pres">
      <dgm:prSet presAssocID="{01649993-D815-4977-B189-EF910C4C3518}" presName="hierRoot4" presStyleCnt="0"/>
      <dgm:spPr/>
    </dgm:pt>
    <dgm:pt modelId="{EEB038FD-7523-4146-A5DF-F2038615C609}" type="pres">
      <dgm:prSet presAssocID="{01649993-D815-4977-B189-EF910C4C3518}" presName="composite4" presStyleCnt="0"/>
      <dgm:spPr/>
    </dgm:pt>
    <dgm:pt modelId="{A23BD8E2-1CC6-4A77-9268-9C3E321A44F0}" type="pres">
      <dgm:prSet presAssocID="{01649993-D815-4977-B189-EF910C4C3518}" presName="background4" presStyleLbl="node4" presStyleIdx="6" presStyleCnt="9"/>
      <dgm:spPr/>
    </dgm:pt>
    <dgm:pt modelId="{D97F3F7A-115E-4AE5-8A17-E26C935D813B}" type="pres">
      <dgm:prSet presAssocID="{01649993-D815-4977-B189-EF910C4C3518}" presName="text4" presStyleLbl="fgAcc4" presStyleIdx="6" presStyleCnt="9">
        <dgm:presLayoutVars>
          <dgm:chPref val="3"/>
        </dgm:presLayoutVars>
      </dgm:prSet>
      <dgm:spPr/>
    </dgm:pt>
    <dgm:pt modelId="{0AEDF67E-F494-49D0-BAC2-C573EBC0ACE2}" type="pres">
      <dgm:prSet presAssocID="{01649993-D815-4977-B189-EF910C4C3518}" presName="hierChild5" presStyleCnt="0"/>
      <dgm:spPr/>
    </dgm:pt>
    <dgm:pt modelId="{C7E62416-C5B0-4825-B880-A77A3DF81CD5}" type="pres">
      <dgm:prSet presAssocID="{258463AB-9E64-4A14-B959-109E88E9149B}" presName="Name10" presStyleLbl="parChTrans1D2" presStyleIdx="2" presStyleCnt="3"/>
      <dgm:spPr/>
    </dgm:pt>
    <dgm:pt modelId="{451AF147-EB6D-4D4B-AC14-40C6DBFD5028}" type="pres">
      <dgm:prSet presAssocID="{20D914AB-4EBA-4ED3-B92E-A5D3B85A6E71}" presName="hierRoot2" presStyleCnt="0"/>
      <dgm:spPr/>
    </dgm:pt>
    <dgm:pt modelId="{58E81225-8D08-48ED-9368-B9AE26888A47}" type="pres">
      <dgm:prSet presAssocID="{20D914AB-4EBA-4ED3-B92E-A5D3B85A6E71}" presName="composite2" presStyleCnt="0"/>
      <dgm:spPr/>
    </dgm:pt>
    <dgm:pt modelId="{2FF59B6C-1BCF-4A25-B11C-CE6B8297AC83}" type="pres">
      <dgm:prSet presAssocID="{20D914AB-4EBA-4ED3-B92E-A5D3B85A6E71}" presName="background2" presStyleLbl="node2" presStyleIdx="2" presStyleCnt="3"/>
      <dgm:spPr/>
    </dgm:pt>
    <dgm:pt modelId="{1C2940FE-6597-4666-9A8C-15AB514BF044}" type="pres">
      <dgm:prSet presAssocID="{20D914AB-4EBA-4ED3-B92E-A5D3B85A6E71}" presName="text2" presStyleLbl="fgAcc2" presStyleIdx="2" presStyleCnt="3">
        <dgm:presLayoutVars>
          <dgm:chPref val="3"/>
        </dgm:presLayoutVars>
      </dgm:prSet>
      <dgm:spPr/>
    </dgm:pt>
    <dgm:pt modelId="{B00BBF33-B32E-43DE-A41F-29174AF2A7E6}" type="pres">
      <dgm:prSet presAssocID="{20D914AB-4EBA-4ED3-B92E-A5D3B85A6E71}" presName="hierChild3" presStyleCnt="0"/>
      <dgm:spPr/>
    </dgm:pt>
    <dgm:pt modelId="{8CB38675-496C-4FEA-A46E-9157BD54B683}" type="pres">
      <dgm:prSet presAssocID="{944A85F0-C3A7-451A-8D4F-A48211244016}" presName="Name17" presStyleLbl="parChTrans1D3" presStyleIdx="3" presStyleCnt="4"/>
      <dgm:spPr/>
    </dgm:pt>
    <dgm:pt modelId="{583F5710-7193-4435-B12B-FDA2D8A09724}" type="pres">
      <dgm:prSet presAssocID="{936876B0-4FAE-42AD-9044-839FB29DBA27}" presName="hierRoot3" presStyleCnt="0"/>
      <dgm:spPr/>
    </dgm:pt>
    <dgm:pt modelId="{017EAACA-1111-45EA-8B1D-48259489DB2E}" type="pres">
      <dgm:prSet presAssocID="{936876B0-4FAE-42AD-9044-839FB29DBA27}" presName="composite3" presStyleCnt="0"/>
      <dgm:spPr/>
    </dgm:pt>
    <dgm:pt modelId="{9A4CCD29-975B-4EB0-9049-86603CD86F5D}" type="pres">
      <dgm:prSet presAssocID="{936876B0-4FAE-42AD-9044-839FB29DBA27}" presName="background3" presStyleLbl="node3" presStyleIdx="3" presStyleCnt="4"/>
      <dgm:spPr/>
    </dgm:pt>
    <dgm:pt modelId="{00359C0E-B50F-4CC8-9E54-46883C37578C}" type="pres">
      <dgm:prSet presAssocID="{936876B0-4FAE-42AD-9044-839FB29DBA27}" presName="text3" presStyleLbl="fgAcc3" presStyleIdx="3" presStyleCnt="4">
        <dgm:presLayoutVars>
          <dgm:chPref val="3"/>
        </dgm:presLayoutVars>
      </dgm:prSet>
      <dgm:spPr/>
    </dgm:pt>
    <dgm:pt modelId="{A8B1E4FE-BB99-4DDF-97FF-9154036737E0}" type="pres">
      <dgm:prSet presAssocID="{936876B0-4FAE-42AD-9044-839FB29DBA27}" presName="hierChild4" presStyleCnt="0"/>
      <dgm:spPr/>
    </dgm:pt>
    <dgm:pt modelId="{0B031D51-8EB9-4683-AE0F-51AB21478AD0}" type="pres">
      <dgm:prSet presAssocID="{5442FA4B-29D2-4610-965A-9F465B75E158}" presName="Name23" presStyleLbl="parChTrans1D4" presStyleIdx="7" presStyleCnt="9"/>
      <dgm:spPr/>
    </dgm:pt>
    <dgm:pt modelId="{FD007762-D609-4FEF-8039-A5A8140BDBF6}" type="pres">
      <dgm:prSet presAssocID="{1B14BCEA-F01F-4FBE-8FAA-B71B2235B45C}" presName="hierRoot4" presStyleCnt="0"/>
      <dgm:spPr/>
    </dgm:pt>
    <dgm:pt modelId="{5D51CC1C-1430-4168-B0A1-3E06A81909AD}" type="pres">
      <dgm:prSet presAssocID="{1B14BCEA-F01F-4FBE-8FAA-B71B2235B45C}" presName="composite4" presStyleCnt="0"/>
      <dgm:spPr/>
    </dgm:pt>
    <dgm:pt modelId="{B2966318-1DCB-4F4F-B5D2-02544199B860}" type="pres">
      <dgm:prSet presAssocID="{1B14BCEA-F01F-4FBE-8FAA-B71B2235B45C}" presName="background4" presStyleLbl="node4" presStyleIdx="7" presStyleCnt="9"/>
      <dgm:spPr/>
    </dgm:pt>
    <dgm:pt modelId="{5B11EB0B-26B3-4551-8E3A-3267F35CAF9E}" type="pres">
      <dgm:prSet presAssocID="{1B14BCEA-F01F-4FBE-8FAA-B71B2235B45C}" presName="text4" presStyleLbl="fgAcc4" presStyleIdx="7" presStyleCnt="9">
        <dgm:presLayoutVars>
          <dgm:chPref val="3"/>
        </dgm:presLayoutVars>
      </dgm:prSet>
      <dgm:spPr/>
    </dgm:pt>
    <dgm:pt modelId="{52650DF4-B156-469F-B205-7B1061AE7F47}" type="pres">
      <dgm:prSet presAssocID="{1B14BCEA-F01F-4FBE-8FAA-B71B2235B45C}" presName="hierChild5" presStyleCnt="0"/>
      <dgm:spPr/>
    </dgm:pt>
    <dgm:pt modelId="{F4D2D6BE-FE4B-46E9-B15F-F4C64E22AEA1}" type="pres">
      <dgm:prSet presAssocID="{F21A4E35-1ACD-4060-9E9C-1D1D84E09E59}" presName="Name23" presStyleLbl="parChTrans1D4" presStyleIdx="8" presStyleCnt="9"/>
      <dgm:spPr/>
    </dgm:pt>
    <dgm:pt modelId="{C2EE19AA-1BE1-4A09-9530-4E5A0E6EEABC}" type="pres">
      <dgm:prSet presAssocID="{E75A93CA-D376-4ED5-B944-49D6A5BA0825}" presName="hierRoot4" presStyleCnt="0"/>
      <dgm:spPr/>
    </dgm:pt>
    <dgm:pt modelId="{8AF52BC5-5C1D-4F8B-B5C0-66BE28F6728D}" type="pres">
      <dgm:prSet presAssocID="{E75A93CA-D376-4ED5-B944-49D6A5BA0825}" presName="composite4" presStyleCnt="0"/>
      <dgm:spPr/>
    </dgm:pt>
    <dgm:pt modelId="{D4E83095-6640-4A93-9942-E791C2B3E2E9}" type="pres">
      <dgm:prSet presAssocID="{E75A93CA-D376-4ED5-B944-49D6A5BA0825}" presName="background4" presStyleLbl="node4" presStyleIdx="8" presStyleCnt="9"/>
      <dgm:spPr/>
    </dgm:pt>
    <dgm:pt modelId="{8FDE98B3-0C6C-4A50-98EC-7499E1E70CA9}" type="pres">
      <dgm:prSet presAssocID="{E75A93CA-D376-4ED5-B944-49D6A5BA0825}" presName="text4" presStyleLbl="fgAcc4" presStyleIdx="8" presStyleCnt="9">
        <dgm:presLayoutVars>
          <dgm:chPref val="3"/>
        </dgm:presLayoutVars>
      </dgm:prSet>
      <dgm:spPr/>
    </dgm:pt>
    <dgm:pt modelId="{87AE6EDC-A969-4535-9670-9CDF00A7105E}" type="pres">
      <dgm:prSet presAssocID="{E75A93CA-D376-4ED5-B944-49D6A5BA0825}" presName="hierChild5" presStyleCnt="0"/>
      <dgm:spPr/>
    </dgm:pt>
  </dgm:ptLst>
  <dgm:cxnLst>
    <dgm:cxn modelId="{B5EF6611-8433-4CE0-8088-F90896EFC691}" type="presOf" srcId="{5EB143C5-24BF-483C-8A50-CDBE4F71EF46}" destId="{2B1DD1D7-A41B-4221-A842-55546E8188AC}" srcOrd="0" destOrd="0" presId="urn:microsoft.com/office/officeart/2005/8/layout/hierarchy1"/>
    <dgm:cxn modelId="{0DF8C411-E29B-47DD-9A26-3C1CE917B6BA}" type="presOf" srcId="{258463AB-9E64-4A14-B959-109E88E9149B}" destId="{C7E62416-C5B0-4825-B880-A77A3DF81CD5}" srcOrd="0" destOrd="0" presId="urn:microsoft.com/office/officeart/2005/8/layout/hierarchy1"/>
    <dgm:cxn modelId="{EEBCF914-A71E-4729-928E-9C3B6F604DE6}" srcId="{AC518BF3-EDF8-4C61-9616-C205AADCBD70}" destId="{0CB825F6-68D1-4555-B086-42322035C4E1}" srcOrd="0" destOrd="0" parTransId="{97404B11-F797-4E6D-A317-E86FCFC321A3}" sibTransId="{8AE62B53-5C6D-40F9-8F0F-297DC1E84517}"/>
    <dgm:cxn modelId="{90645E15-79E9-47C3-B435-3DB9B09F4721}" type="presOf" srcId="{C250472A-34A4-4397-B046-816BDF1DB87C}" destId="{1C407A68-7E27-4870-89D6-5F586EF7DE42}" srcOrd="0" destOrd="0" presId="urn:microsoft.com/office/officeart/2005/8/layout/hierarchy1"/>
    <dgm:cxn modelId="{63D2671C-67E8-4A5B-B5E9-E1A029E27894}" type="presOf" srcId="{4948060B-5699-4CA0-B050-3839D14BA0B7}" destId="{472F3ADC-98A4-4070-9229-CFAEEAD9F796}" srcOrd="0" destOrd="0" presId="urn:microsoft.com/office/officeart/2005/8/layout/hierarchy1"/>
    <dgm:cxn modelId="{F9765D24-7063-4B59-ADA4-27E0038501D9}" type="presOf" srcId="{E5352686-7AB1-469B-A053-D48B84B788D0}" destId="{FD3DFA12-F220-476D-8EEB-1CD850676497}" srcOrd="0" destOrd="0" presId="urn:microsoft.com/office/officeart/2005/8/layout/hierarchy1"/>
    <dgm:cxn modelId="{52E51328-1560-4D98-8D68-76AEFFAEC188}" type="presOf" srcId="{8BA56DA6-ABB5-4850-9DBB-5B6651BFEF3A}" destId="{FE2C31E1-C06B-4AF1-86B0-C1FD0D7040DD}" srcOrd="0" destOrd="0" presId="urn:microsoft.com/office/officeart/2005/8/layout/hierarchy1"/>
    <dgm:cxn modelId="{C4F4272D-047C-45CC-BCA3-6EA514592640}" type="presOf" srcId="{AC518BF3-EDF8-4C61-9616-C205AADCBD70}" destId="{0CC9C954-9697-4E8D-9048-0C25795AEC44}" srcOrd="0" destOrd="0" presId="urn:microsoft.com/office/officeart/2005/8/layout/hierarchy1"/>
    <dgm:cxn modelId="{B2592A33-B0CE-42D4-AA18-32BDD5876723}" srcId="{C250472A-34A4-4397-B046-816BDF1DB87C}" destId="{AC518BF3-EDF8-4C61-9616-C205AADCBD70}" srcOrd="0" destOrd="0" parTransId="{76F78D78-C641-40E8-A098-6C9B9C0D14CA}" sibTransId="{35730EBD-F10F-4887-8BE8-B5DAAF3829CF}"/>
    <dgm:cxn modelId="{2CC0BC35-041A-48A8-9FBB-322731E98596}" type="presOf" srcId="{A6035C79-7A39-40EA-B19F-753253D03896}" destId="{0FB9CE28-47A1-4748-BB58-06AD76191712}" srcOrd="0" destOrd="0" presId="urn:microsoft.com/office/officeart/2005/8/layout/hierarchy1"/>
    <dgm:cxn modelId="{1D4D7537-6EC3-4370-84AC-21B97A22B298}" srcId="{15E897B5-4FF8-4A90-990B-C9942597B828}" destId="{80E9DD14-F366-4DB8-AA75-70CE4301C78A}" srcOrd="0" destOrd="0" parTransId="{1743843B-A28D-4FCF-9868-DFACCEB01972}" sibTransId="{41563F0A-0909-42F3-A2CC-299C572ED136}"/>
    <dgm:cxn modelId="{89C43A3D-E583-4DAA-ADEE-4DFB89DDE614}" type="presOf" srcId="{0CB825F6-68D1-4555-B086-42322035C4E1}" destId="{C5AF6E55-92DC-4E3B-818B-C969568D15AA}" srcOrd="0" destOrd="0" presId="urn:microsoft.com/office/officeart/2005/8/layout/hierarchy1"/>
    <dgm:cxn modelId="{D3C1555F-9DCF-412D-8CC7-D6DE68064BAC}" srcId="{1B14BCEA-F01F-4FBE-8FAA-B71B2235B45C}" destId="{E75A93CA-D376-4ED5-B944-49D6A5BA0825}" srcOrd="0" destOrd="0" parTransId="{F21A4E35-1ACD-4060-9E9C-1D1D84E09E59}" sibTransId="{B53B6D53-3C9F-43B6-950A-2B0C60F0980C}"/>
    <dgm:cxn modelId="{6C419943-F79C-4EBB-A15B-5E32973C8B9F}" type="presOf" srcId="{E7FB6E08-1BBC-4C09-8BDA-D4691CF10450}" destId="{C541E5BB-8507-4359-80D2-AA204D23D059}" srcOrd="0" destOrd="0" presId="urn:microsoft.com/office/officeart/2005/8/layout/hierarchy1"/>
    <dgm:cxn modelId="{246FB464-2919-4683-B11E-C800BD9E53DC}" type="presOf" srcId="{FD1083EB-1700-4282-A215-D15E14756032}" destId="{F7478EE2-064C-45F1-9BFC-25E736A47933}" srcOrd="0" destOrd="0" presId="urn:microsoft.com/office/officeart/2005/8/layout/hierarchy1"/>
    <dgm:cxn modelId="{E6BAF444-9B9A-4BEA-A4E7-3DEF35D281E8}" type="presOf" srcId="{300C4C49-5912-4D0A-A99C-CBBD9FA1D55D}" destId="{C8E6FE3F-42AB-40F9-8E58-4D5DA6039CEB}" srcOrd="0" destOrd="0" presId="urn:microsoft.com/office/officeart/2005/8/layout/hierarchy1"/>
    <dgm:cxn modelId="{FCBFC765-5AA2-4C5A-9022-E822908E8D52}" srcId="{21C43BE5-2B63-4F5F-985E-D783733F8501}" destId="{1DDEE3A3-1686-4FFA-B88B-527ACF73EC51}" srcOrd="0" destOrd="0" parTransId="{7BDE9E29-2303-4F15-8205-EA692DC4B6FC}" sibTransId="{C6224C2A-80F9-43FE-A855-0AB209328761}"/>
    <dgm:cxn modelId="{6AC08D47-C777-4DD7-A2AC-439EB9D60ACA}" type="presOf" srcId="{944A85F0-C3A7-451A-8D4F-A48211244016}" destId="{8CB38675-496C-4FEA-A46E-9157BD54B683}" srcOrd="0" destOrd="0" presId="urn:microsoft.com/office/officeart/2005/8/layout/hierarchy1"/>
    <dgm:cxn modelId="{E686EE6D-C663-4AD4-92D6-26784E5D2044}" type="presOf" srcId="{83B3C9CF-EAC9-48C7-89AD-5DFCDED6C0DB}" destId="{444A87F1-3A4E-4B80-9556-A68C4846FC15}" srcOrd="0" destOrd="0" presId="urn:microsoft.com/office/officeart/2005/8/layout/hierarchy1"/>
    <dgm:cxn modelId="{A677CD50-D48A-4BCA-A6DB-E4B5D096EAF1}" type="presOf" srcId="{20D914AB-4EBA-4ED3-B92E-A5D3B85A6E71}" destId="{1C2940FE-6597-4666-9A8C-15AB514BF044}" srcOrd="0" destOrd="0" presId="urn:microsoft.com/office/officeart/2005/8/layout/hierarchy1"/>
    <dgm:cxn modelId="{9AF90875-72A2-48FA-9417-A5559E679BFC}" srcId="{4948060B-5699-4CA0-B050-3839D14BA0B7}" destId="{15E897B5-4FF8-4A90-990B-C9942597B828}" srcOrd="0" destOrd="0" parTransId="{83B3C9CF-EAC9-48C7-89AD-5DFCDED6C0DB}" sibTransId="{9800A0C2-1094-4F16-A410-66A3FE6A268B}"/>
    <dgm:cxn modelId="{32F64F77-8848-481F-BF9E-64D294B815EE}" srcId="{AC518BF3-EDF8-4C61-9616-C205AADCBD70}" destId="{20D914AB-4EBA-4ED3-B92E-A5D3B85A6E71}" srcOrd="2" destOrd="0" parTransId="{258463AB-9E64-4A14-B959-109E88E9149B}" sibTransId="{A0961092-A8C3-4A12-9D03-F6BF89461377}"/>
    <dgm:cxn modelId="{EB1DDE57-F35A-41D7-A0F1-343F8A1C6008}" type="presOf" srcId="{1743843B-A28D-4FCF-9868-DFACCEB01972}" destId="{788C1207-F8EA-49B8-AD23-3B92A88A3522}" srcOrd="0" destOrd="0" presId="urn:microsoft.com/office/officeart/2005/8/layout/hierarchy1"/>
    <dgm:cxn modelId="{E6CA447C-36C2-45C7-97B3-948A83C4D3C1}" type="presOf" srcId="{5442FA4B-29D2-4610-965A-9F465B75E158}" destId="{0B031D51-8EB9-4683-AE0F-51AB21478AD0}" srcOrd="0" destOrd="0" presId="urn:microsoft.com/office/officeart/2005/8/layout/hierarchy1"/>
    <dgm:cxn modelId="{23F3937C-1A94-4939-822B-13BABE099507}" srcId="{0CB825F6-68D1-4555-B086-42322035C4E1}" destId="{8D915E51-0D8F-4345-9811-CF93050584B2}" srcOrd="0" destOrd="0" parTransId="{300C4C49-5912-4D0A-A99C-CBBD9FA1D55D}" sibTransId="{68CCADDD-15E2-4989-9DF6-2295A960330D}"/>
    <dgm:cxn modelId="{BC42B17F-C1DD-423F-ABC7-B2C40ECC3D20}" type="presOf" srcId="{15E897B5-4FF8-4A90-990B-C9942597B828}" destId="{70B77ADC-7386-4B13-82F9-F9CEF93B0AC5}" srcOrd="0" destOrd="0" presId="urn:microsoft.com/office/officeart/2005/8/layout/hierarchy1"/>
    <dgm:cxn modelId="{130F3781-8EC9-4967-A5E4-A9DA7AF85BCA}" srcId="{0CB825F6-68D1-4555-B086-42322035C4E1}" destId="{A6035C79-7A39-40EA-B19F-753253D03896}" srcOrd="1" destOrd="0" parTransId="{7A24580E-1A19-4FC8-BE2F-42AD7CE4C10F}" sibTransId="{7E1C3FBF-12F1-4D03-88D0-F5C3A5E64092}"/>
    <dgm:cxn modelId="{50DE3E81-27D7-4DE6-A3C3-6F1CB9F3E983}" type="presOf" srcId="{01649993-D815-4977-B189-EF910C4C3518}" destId="{D97F3F7A-115E-4AE5-8A17-E26C935D813B}" srcOrd="0" destOrd="0" presId="urn:microsoft.com/office/officeart/2005/8/layout/hierarchy1"/>
    <dgm:cxn modelId="{40F66B85-2365-45E0-9DFB-C2190D286DC3}" srcId="{15E897B5-4FF8-4A90-990B-C9942597B828}" destId="{21C43BE5-2B63-4F5F-985E-D783733F8501}" srcOrd="2" destOrd="0" parTransId="{E5352686-7AB1-469B-A053-D48B84B788D0}" sibTransId="{3BCC1B94-3380-43BA-901B-A2135FC5D7C6}"/>
    <dgm:cxn modelId="{F7576288-8F13-455B-877C-C5C56B583FC0}" type="presOf" srcId="{7BDE9E29-2303-4F15-8205-EA692DC4B6FC}" destId="{5224CEAE-8530-4CC0-B28E-0B1B0D23ADE6}" srcOrd="0" destOrd="0" presId="urn:microsoft.com/office/officeart/2005/8/layout/hierarchy1"/>
    <dgm:cxn modelId="{AC52A790-3760-4033-9F4C-217D569CFB1A}" srcId="{15E897B5-4FF8-4A90-990B-C9942597B828}" destId="{01649993-D815-4977-B189-EF910C4C3518}" srcOrd="3" destOrd="0" parTransId="{E7FB6E08-1BBC-4C09-8BDA-D4691CF10450}" sibTransId="{B4948FF5-9A2A-4FD6-BBDD-C11065C1932D}"/>
    <dgm:cxn modelId="{8C7A1F97-561D-4AB5-B83F-F76CB7D3AC18}" type="presOf" srcId="{E75A93CA-D376-4ED5-B944-49D6A5BA0825}" destId="{8FDE98B3-0C6C-4A50-98EC-7499E1E70CA9}" srcOrd="0" destOrd="0" presId="urn:microsoft.com/office/officeart/2005/8/layout/hierarchy1"/>
    <dgm:cxn modelId="{AFE07198-A35E-48DC-8CDB-073DA5EA946C}" srcId="{80E9DD14-F366-4DB8-AA75-70CE4301C78A}" destId="{95B99CF2-1838-4FE0-B631-AAC0C2C8CC9C}" srcOrd="0" destOrd="0" parTransId="{66263F06-E746-43EE-96BC-863689B4C16E}" sibTransId="{F7BC0839-AC39-439E-BF3F-2B27BC75A7D3}"/>
    <dgm:cxn modelId="{90A9CF9B-4FF8-402D-8625-1F52047807F4}" type="presOf" srcId="{97404B11-F797-4E6D-A317-E86FCFC321A3}" destId="{FCAFE085-7F0C-4167-86C1-D7FBCB4AB90F}" srcOrd="0" destOrd="0" presId="urn:microsoft.com/office/officeart/2005/8/layout/hierarchy1"/>
    <dgm:cxn modelId="{27D3D1A0-788E-48EE-9ED8-D9467CA1755D}" type="presOf" srcId="{1DDEE3A3-1686-4FFA-B88B-527ACF73EC51}" destId="{5F2DC2DF-69AF-42C2-A0E7-D60332376125}" srcOrd="0" destOrd="0" presId="urn:microsoft.com/office/officeart/2005/8/layout/hierarchy1"/>
    <dgm:cxn modelId="{22B936A3-61D7-43EC-9159-45D0A77515DC}" srcId="{20D914AB-4EBA-4ED3-B92E-A5D3B85A6E71}" destId="{936876B0-4FAE-42AD-9044-839FB29DBA27}" srcOrd="0" destOrd="0" parTransId="{944A85F0-C3A7-451A-8D4F-A48211244016}" sibTransId="{761F2CE0-99A5-4719-ABBB-C21E14FAFDCA}"/>
    <dgm:cxn modelId="{E4E2F2B1-510F-46CD-A672-A911CE12AF69}" type="presOf" srcId="{66263F06-E746-43EE-96BC-863689B4C16E}" destId="{B4290D80-346A-4421-AC6A-20FCE25F5241}" srcOrd="0" destOrd="0" presId="urn:microsoft.com/office/officeart/2005/8/layout/hierarchy1"/>
    <dgm:cxn modelId="{A27608BC-6265-49E8-A187-CE33FA897E53}" type="presOf" srcId="{95B99CF2-1838-4FE0-B631-AAC0C2C8CC9C}" destId="{A2F3F342-58E0-4AC6-BA65-2448F56E933B}" srcOrd="0" destOrd="0" presId="urn:microsoft.com/office/officeart/2005/8/layout/hierarchy1"/>
    <dgm:cxn modelId="{087548C0-1AA1-4BCC-BFCB-EDE11ED05641}" srcId="{AC518BF3-EDF8-4C61-9616-C205AADCBD70}" destId="{4948060B-5699-4CA0-B050-3839D14BA0B7}" srcOrd="1" destOrd="0" parTransId="{6E821D73-0236-40EF-934E-F5E5E1B08C00}" sibTransId="{C97EFA16-D008-40D0-B0C0-701AEEDB040D}"/>
    <dgm:cxn modelId="{A99284C4-14CE-49CA-8D94-6146CABE9B9C}" type="presOf" srcId="{1B14BCEA-F01F-4FBE-8FAA-B71B2235B45C}" destId="{5B11EB0B-26B3-4551-8E3A-3267F35CAF9E}" srcOrd="0" destOrd="0" presId="urn:microsoft.com/office/officeart/2005/8/layout/hierarchy1"/>
    <dgm:cxn modelId="{6566A0C4-675D-434B-A75A-C6E00CF13EB7}" srcId="{FD1083EB-1700-4282-A215-D15E14756032}" destId="{5EB143C5-24BF-483C-8A50-CDBE4F71EF46}" srcOrd="0" destOrd="0" parTransId="{9347723E-71EC-409F-8795-2546F1134DEB}" sibTransId="{7C781399-1408-42D4-9BF8-D4544DCDEF0E}"/>
    <dgm:cxn modelId="{E7007ECD-F8D0-4756-9955-DF4DD52A0E27}" srcId="{936876B0-4FAE-42AD-9044-839FB29DBA27}" destId="{1B14BCEA-F01F-4FBE-8FAA-B71B2235B45C}" srcOrd="0" destOrd="0" parTransId="{5442FA4B-29D2-4610-965A-9F465B75E158}" sibTransId="{9FBBE162-F8C3-4B82-A5AD-A9577AB1F61F}"/>
    <dgm:cxn modelId="{B2FBBFD2-E43A-44C1-BC36-84A5C089C709}" type="presOf" srcId="{7A24580E-1A19-4FC8-BE2F-42AD7CE4C10F}" destId="{668E705A-4047-4691-8B20-3B3C7F365490}" srcOrd="0" destOrd="0" presId="urn:microsoft.com/office/officeart/2005/8/layout/hierarchy1"/>
    <dgm:cxn modelId="{3553AAD6-21CA-4E7D-A860-0517F850453B}" type="presOf" srcId="{8D915E51-0D8F-4345-9811-CF93050584B2}" destId="{D0137F80-8789-4FF3-ACEA-9D257D552EEA}" srcOrd="0" destOrd="0" presId="urn:microsoft.com/office/officeart/2005/8/layout/hierarchy1"/>
    <dgm:cxn modelId="{B9EB81D9-1B73-4816-A7F1-3A4A8C3E9581}" type="presOf" srcId="{936876B0-4FAE-42AD-9044-839FB29DBA27}" destId="{00359C0E-B50F-4CC8-9E54-46883C37578C}" srcOrd="0" destOrd="0" presId="urn:microsoft.com/office/officeart/2005/8/layout/hierarchy1"/>
    <dgm:cxn modelId="{DE03ABDF-23EE-4683-86ED-BCDCC0584478}" type="presOf" srcId="{21C43BE5-2B63-4F5F-985E-D783733F8501}" destId="{17E6AD34-3A7E-4149-ADA4-6A70F8BA380F}" srcOrd="0" destOrd="0" presId="urn:microsoft.com/office/officeart/2005/8/layout/hierarchy1"/>
    <dgm:cxn modelId="{FE7C92F1-87D4-44BE-B3D8-4C2A7D99CDD0}" type="presOf" srcId="{6E821D73-0236-40EF-934E-F5E5E1B08C00}" destId="{2AEEF734-82C6-49ED-A622-8D904DE91E30}" srcOrd="0" destOrd="0" presId="urn:microsoft.com/office/officeart/2005/8/layout/hierarchy1"/>
    <dgm:cxn modelId="{E6E621F7-C4A5-4594-A72D-8BC5489BAFDB}" type="presOf" srcId="{9347723E-71EC-409F-8795-2546F1134DEB}" destId="{8C7027CA-DBD1-4AB6-B22F-203651F21E17}" srcOrd="0" destOrd="0" presId="urn:microsoft.com/office/officeart/2005/8/layout/hierarchy1"/>
    <dgm:cxn modelId="{FA982BFB-06B2-4879-A9FC-359823C81AD2}" type="presOf" srcId="{80E9DD14-F366-4DB8-AA75-70CE4301C78A}" destId="{DFDB4790-1C99-412E-8DE8-D66B527D58E3}" srcOrd="0" destOrd="0" presId="urn:microsoft.com/office/officeart/2005/8/layout/hierarchy1"/>
    <dgm:cxn modelId="{3B6B3AFD-1A32-4419-9DA2-DD50729EB809}" type="presOf" srcId="{F21A4E35-1ACD-4060-9E9C-1D1D84E09E59}" destId="{F4D2D6BE-FE4B-46E9-B15F-F4C64E22AEA1}" srcOrd="0" destOrd="0" presId="urn:microsoft.com/office/officeart/2005/8/layout/hierarchy1"/>
    <dgm:cxn modelId="{F11C7AFE-9146-4067-BE23-D5FC8671C00C}" srcId="{15E897B5-4FF8-4A90-990B-C9942597B828}" destId="{FD1083EB-1700-4282-A215-D15E14756032}" srcOrd="1" destOrd="0" parTransId="{8BA56DA6-ABB5-4850-9DBB-5B6651BFEF3A}" sibTransId="{78AEE40F-3B78-4F5E-B77A-44C7CF087084}"/>
    <dgm:cxn modelId="{A1D6718C-F8DF-4D90-B96A-FCBB575144C5}" type="presParOf" srcId="{1C407A68-7E27-4870-89D6-5F586EF7DE42}" destId="{DA2F5826-BAF1-48DF-9AD0-ABE481FE2EAF}" srcOrd="0" destOrd="0" presId="urn:microsoft.com/office/officeart/2005/8/layout/hierarchy1"/>
    <dgm:cxn modelId="{7168BC39-4CF9-42ED-9703-AF70BAF12D7E}" type="presParOf" srcId="{DA2F5826-BAF1-48DF-9AD0-ABE481FE2EAF}" destId="{75BC307E-4444-4276-A4D4-D11CD7B1312F}" srcOrd="0" destOrd="0" presId="urn:microsoft.com/office/officeart/2005/8/layout/hierarchy1"/>
    <dgm:cxn modelId="{3F097706-1C9B-4758-A7F8-1D1516811E65}" type="presParOf" srcId="{75BC307E-4444-4276-A4D4-D11CD7B1312F}" destId="{9C1AF369-AF49-45D3-B9F7-69DB203F5E76}" srcOrd="0" destOrd="0" presId="urn:microsoft.com/office/officeart/2005/8/layout/hierarchy1"/>
    <dgm:cxn modelId="{8FC124E1-AA56-4AE7-BAC7-7C0C9A8C0B28}" type="presParOf" srcId="{75BC307E-4444-4276-A4D4-D11CD7B1312F}" destId="{0CC9C954-9697-4E8D-9048-0C25795AEC44}" srcOrd="1" destOrd="0" presId="urn:microsoft.com/office/officeart/2005/8/layout/hierarchy1"/>
    <dgm:cxn modelId="{92063D9A-A0B5-4FE7-994C-F2755EAFC5FA}" type="presParOf" srcId="{DA2F5826-BAF1-48DF-9AD0-ABE481FE2EAF}" destId="{83C06C7E-7621-45F5-A227-1371ABA1F573}" srcOrd="1" destOrd="0" presId="urn:microsoft.com/office/officeart/2005/8/layout/hierarchy1"/>
    <dgm:cxn modelId="{7F3F56BD-9CB0-4714-B9E4-1374EF0AB4FD}" type="presParOf" srcId="{83C06C7E-7621-45F5-A227-1371ABA1F573}" destId="{FCAFE085-7F0C-4167-86C1-D7FBCB4AB90F}" srcOrd="0" destOrd="0" presId="urn:microsoft.com/office/officeart/2005/8/layout/hierarchy1"/>
    <dgm:cxn modelId="{79818641-F4FA-4FF5-88C4-41C49CC060E1}" type="presParOf" srcId="{83C06C7E-7621-45F5-A227-1371ABA1F573}" destId="{67A5B053-1870-42CF-A829-77F7E5DB81F9}" srcOrd="1" destOrd="0" presId="urn:microsoft.com/office/officeart/2005/8/layout/hierarchy1"/>
    <dgm:cxn modelId="{076D3480-56F8-4B00-9317-CD1769641606}" type="presParOf" srcId="{67A5B053-1870-42CF-A829-77F7E5DB81F9}" destId="{CDFB11C1-EA7A-40A5-9612-F00211A0B0E4}" srcOrd="0" destOrd="0" presId="urn:microsoft.com/office/officeart/2005/8/layout/hierarchy1"/>
    <dgm:cxn modelId="{B83EAD93-85BE-4635-8E6B-22DFC43E4398}" type="presParOf" srcId="{CDFB11C1-EA7A-40A5-9612-F00211A0B0E4}" destId="{06DFB54C-5F04-419A-AAF6-781B81F05C52}" srcOrd="0" destOrd="0" presId="urn:microsoft.com/office/officeart/2005/8/layout/hierarchy1"/>
    <dgm:cxn modelId="{119AC73F-B612-46C2-A839-3EEB728C3F4E}" type="presParOf" srcId="{CDFB11C1-EA7A-40A5-9612-F00211A0B0E4}" destId="{C5AF6E55-92DC-4E3B-818B-C969568D15AA}" srcOrd="1" destOrd="0" presId="urn:microsoft.com/office/officeart/2005/8/layout/hierarchy1"/>
    <dgm:cxn modelId="{4A4F01D5-06E3-469D-8266-5C34542D11C2}" type="presParOf" srcId="{67A5B053-1870-42CF-A829-77F7E5DB81F9}" destId="{DCF72E26-A798-44C3-8EA1-013340C71B24}" srcOrd="1" destOrd="0" presId="urn:microsoft.com/office/officeart/2005/8/layout/hierarchy1"/>
    <dgm:cxn modelId="{D577F614-A1E2-4896-AECF-A34C2408F438}" type="presParOf" srcId="{DCF72E26-A798-44C3-8EA1-013340C71B24}" destId="{C8E6FE3F-42AB-40F9-8E58-4D5DA6039CEB}" srcOrd="0" destOrd="0" presId="urn:microsoft.com/office/officeart/2005/8/layout/hierarchy1"/>
    <dgm:cxn modelId="{BAB6E4FC-3F0B-43BF-954A-253829EFC182}" type="presParOf" srcId="{DCF72E26-A798-44C3-8EA1-013340C71B24}" destId="{CE166B07-D63F-460A-A3DB-532876405836}" srcOrd="1" destOrd="0" presId="urn:microsoft.com/office/officeart/2005/8/layout/hierarchy1"/>
    <dgm:cxn modelId="{6DC9B02A-A263-45C0-B26F-D616F2F5A6A5}" type="presParOf" srcId="{CE166B07-D63F-460A-A3DB-532876405836}" destId="{BC8CE786-8A5D-416E-A592-C3E690BC0206}" srcOrd="0" destOrd="0" presId="urn:microsoft.com/office/officeart/2005/8/layout/hierarchy1"/>
    <dgm:cxn modelId="{8F32FD69-D555-41D8-83B3-FCFF168E8C46}" type="presParOf" srcId="{BC8CE786-8A5D-416E-A592-C3E690BC0206}" destId="{232EF452-93A1-46F0-9269-6170C4C6A4E5}" srcOrd="0" destOrd="0" presId="urn:microsoft.com/office/officeart/2005/8/layout/hierarchy1"/>
    <dgm:cxn modelId="{4BCB39BE-6D1B-4E16-AFCD-DD4F4217F95A}" type="presParOf" srcId="{BC8CE786-8A5D-416E-A592-C3E690BC0206}" destId="{D0137F80-8789-4FF3-ACEA-9D257D552EEA}" srcOrd="1" destOrd="0" presId="urn:microsoft.com/office/officeart/2005/8/layout/hierarchy1"/>
    <dgm:cxn modelId="{0044AAC8-9ECD-4F84-966E-144DFA7D5C54}" type="presParOf" srcId="{CE166B07-D63F-460A-A3DB-532876405836}" destId="{D70033C7-A021-4884-AB19-5537A68454FF}" srcOrd="1" destOrd="0" presId="urn:microsoft.com/office/officeart/2005/8/layout/hierarchy1"/>
    <dgm:cxn modelId="{9703356E-44DF-4837-9304-666A87A33F3B}" type="presParOf" srcId="{DCF72E26-A798-44C3-8EA1-013340C71B24}" destId="{668E705A-4047-4691-8B20-3B3C7F365490}" srcOrd="2" destOrd="0" presId="urn:microsoft.com/office/officeart/2005/8/layout/hierarchy1"/>
    <dgm:cxn modelId="{07D4DFB6-2DDE-450D-8295-C7E4035D1EFA}" type="presParOf" srcId="{DCF72E26-A798-44C3-8EA1-013340C71B24}" destId="{58A5F8D8-3CB6-4C4C-93CE-185B5BBB0123}" srcOrd="3" destOrd="0" presId="urn:microsoft.com/office/officeart/2005/8/layout/hierarchy1"/>
    <dgm:cxn modelId="{99059393-B98A-4A1D-BE5B-3A0B517116D0}" type="presParOf" srcId="{58A5F8D8-3CB6-4C4C-93CE-185B5BBB0123}" destId="{C939B5C4-2299-4DB0-9F74-14871DF73AAE}" srcOrd="0" destOrd="0" presId="urn:microsoft.com/office/officeart/2005/8/layout/hierarchy1"/>
    <dgm:cxn modelId="{075C43C9-9814-46A4-94CE-80AFCD4A09FC}" type="presParOf" srcId="{C939B5C4-2299-4DB0-9F74-14871DF73AAE}" destId="{BEDBDB10-DA6F-4AD1-97E0-9C20E02BBC33}" srcOrd="0" destOrd="0" presId="urn:microsoft.com/office/officeart/2005/8/layout/hierarchy1"/>
    <dgm:cxn modelId="{749D6172-5D7B-459B-A44A-7B5AF41D0E77}" type="presParOf" srcId="{C939B5C4-2299-4DB0-9F74-14871DF73AAE}" destId="{0FB9CE28-47A1-4748-BB58-06AD76191712}" srcOrd="1" destOrd="0" presId="urn:microsoft.com/office/officeart/2005/8/layout/hierarchy1"/>
    <dgm:cxn modelId="{993FE2B4-995F-4E10-9305-86085E50B58B}" type="presParOf" srcId="{58A5F8D8-3CB6-4C4C-93CE-185B5BBB0123}" destId="{5FAD16C0-B532-494A-8359-06149B491A6F}" srcOrd="1" destOrd="0" presId="urn:microsoft.com/office/officeart/2005/8/layout/hierarchy1"/>
    <dgm:cxn modelId="{A983A92C-CDC2-4B56-84F5-14F874AFC083}" type="presParOf" srcId="{83C06C7E-7621-45F5-A227-1371ABA1F573}" destId="{2AEEF734-82C6-49ED-A622-8D904DE91E30}" srcOrd="2" destOrd="0" presId="urn:microsoft.com/office/officeart/2005/8/layout/hierarchy1"/>
    <dgm:cxn modelId="{A5A4D080-2063-48AD-A425-FED799CAE331}" type="presParOf" srcId="{83C06C7E-7621-45F5-A227-1371ABA1F573}" destId="{E4B0E7E4-AD89-49A7-AD0A-D436D109D398}" srcOrd="3" destOrd="0" presId="urn:microsoft.com/office/officeart/2005/8/layout/hierarchy1"/>
    <dgm:cxn modelId="{799D6751-00C7-4DFA-BCEB-929DCB7D0F8E}" type="presParOf" srcId="{E4B0E7E4-AD89-49A7-AD0A-D436D109D398}" destId="{CBBFA9C0-733B-4633-B86A-247A92836ADD}" srcOrd="0" destOrd="0" presId="urn:microsoft.com/office/officeart/2005/8/layout/hierarchy1"/>
    <dgm:cxn modelId="{8C37FC60-4376-4DFB-80BC-0E29E777D1FE}" type="presParOf" srcId="{CBBFA9C0-733B-4633-B86A-247A92836ADD}" destId="{577D4264-D45B-4B55-9AC0-A798CB59EE07}" srcOrd="0" destOrd="0" presId="urn:microsoft.com/office/officeart/2005/8/layout/hierarchy1"/>
    <dgm:cxn modelId="{37F18DAC-837C-429B-93D8-437022975AEC}" type="presParOf" srcId="{CBBFA9C0-733B-4633-B86A-247A92836ADD}" destId="{472F3ADC-98A4-4070-9229-CFAEEAD9F796}" srcOrd="1" destOrd="0" presId="urn:microsoft.com/office/officeart/2005/8/layout/hierarchy1"/>
    <dgm:cxn modelId="{8275CE65-A1B6-4EA4-ABD5-D62DD8C9BBA2}" type="presParOf" srcId="{E4B0E7E4-AD89-49A7-AD0A-D436D109D398}" destId="{131006F5-E7B9-426B-825B-544AE7CC791C}" srcOrd="1" destOrd="0" presId="urn:microsoft.com/office/officeart/2005/8/layout/hierarchy1"/>
    <dgm:cxn modelId="{55429DCF-CE6C-42DC-8F85-0847A2022FEF}" type="presParOf" srcId="{131006F5-E7B9-426B-825B-544AE7CC791C}" destId="{444A87F1-3A4E-4B80-9556-A68C4846FC15}" srcOrd="0" destOrd="0" presId="urn:microsoft.com/office/officeart/2005/8/layout/hierarchy1"/>
    <dgm:cxn modelId="{DBE44AE0-8DE5-4E65-A27E-AD5B4A1777CA}" type="presParOf" srcId="{131006F5-E7B9-426B-825B-544AE7CC791C}" destId="{FCD82F74-7D02-4953-B76F-5F6E71C45995}" srcOrd="1" destOrd="0" presId="urn:microsoft.com/office/officeart/2005/8/layout/hierarchy1"/>
    <dgm:cxn modelId="{0880CADC-691B-4FFA-A5B3-8146FBE07C39}" type="presParOf" srcId="{FCD82F74-7D02-4953-B76F-5F6E71C45995}" destId="{E15B386C-9D58-4C5A-82A1-DFFB12F15F80}" srcOrd="0" destOrd="0" presId="urn:microsoft.com/office/officeart/2005/8/layout/hierarchy1"/>
    <dgm:cxn modelId="{72144504-869C-45A4-B1A1-83D5AF36DC57}" type="presParOf" srcId="{E15B386C-9D58-4C5A-82A1-DFFB12F15F80}" destId="{EA657B15-B77D-4991-805C-1CCC0FB394B9}" srcOrd="0" destOrd="0" presId="urn:microsoft.com/office/officeart/2005/8/layout/hierarchy1"/>
    <dgm:cxn modelId="{85E2DA27-0C2E-40DF-BADC-E976602735FA}" type="presParOf" srcId="{E15B386C-9D58-4C5A-82A1-DFFB12F15F80}" destId="{70B77ADC-7386-4B13-82F9-F9CEF93B0AC5}" srcOrd="1" destOrd="0" presId="urn:microsoft.com/office/officeart/2005/8/layout/hierarchy1"/>
    <dgm:cxn modelId="{B811D7A1-F7FB-43FC-B7FF-E6FE7B947450}" type="presParOf" srcId="{FCD82F74-7D02-4953-B76F-5F6E71C45995}" destId="{1ADD7CBD-71BD-4B09-A39F-15AA7649E0BF}" srcOrd="1" destOrd="0" presId="urn:microsoft.com/office/officeart/2005/8/layout/hierarchy1"/>
    <dgm:cxn modelId="{586D0E88-B260-4199-9C6F-9CEE53A50860}" type="presParOf" srcId="{1ADD7CBD-71BD-4B09-A39F-15AA7649E0BF}" destId="{788C1207-F8EA-49B8-AD23-3B92A88A3522}" srcOrd="0" destOrd="0" presId="urn:microsoft.com/office/officeart/2005/8/layout/hierarchy1"/>
    <dgm:cxn modelId="{DE41B388-454D-47E3-93A2-45BD82880651}" type="presParOf" srcId="{1ADD7CBD-71BD-4B09-A39F-15AA7649E0BF}" destId="{C934DE4D-2750-47AA-9F03-F1619C104A3B}" srcOrd="1" destOrd="0" presId="urn:microsoft.com/office/officeart/2005/8/layout/hierarchy1"/>
    <dgm:cxn modelId="{DBBE4AE6-F89C-4C67-A083-3FCBDD466848}" type="presParOf" srcId="{C934DE4D-2750-47AA-9F03-F1619C104A3B}" destId="{B39EEE28-A65A-4611-BECC-A82B25A9B5BD}" srcOrd="0" destOrd="0" presId="urn:microsoft.com/office/officeart/2005/8/layout/hierarchy1"/>
    <dgm:cxn modelId="{68848404-E1D5-4449-B29D-C80CCC628B81}" type="presParOf" srcId="{B39EEE28-A65A-4611-BECC-A82B25A9B5BD}" destId="{DDF8B290-D18E-4DEC-BFF8-BB920F1A26EB}" srcOrd="0" destOrd="0" presId="urn:microsoft.com/office/officeart/2005/8/layout/hierarchy1"/>
    <dgm:cxn modelId="{0C7EB3BF-CEC0-4D97-ACA1-C4A1918290EE}" type="presParOf" srcId="{B39EEE28-A65A-4611-BECC-A82B25A9B5BD}" destId="{DFDB4790-1C99-412E-8DE8-D66B527D58E3}" srcOrd="1" destOrd="0" presId="urn:microsoft.com/office/officeart/2005/8/layout/hierarchy1"/>
    <dgm:cxn modelId="{7FAFFBE1-00BC-4C65-83D4-58BEA0F04C26}" type="presParOf" srcId="{C934DE4D-2750-47AA-9F03-F1619C104A3B}" destId="{F993B0B4-1ACF-4F39-8C63-B70693B1FAC4}" srcOrd="1" destOrd="0" presId="urn:microsoft.com/office/officeart/2005/8/layout/hierarchy1"/>
    <dgm:cxn modelId="{A3387A3C-BABD-484D-B875-9C04DA7E8AE2}" type="presParOf" srcId="{F993B0B4-1ACF-4F39-8C63-B70693B1FAC4}" destId="{B4290D80-346A-4421-AC6A-20FCE25F5241}" srcOrd="0" destOrd="0" presId="urn:microsoft.com/office/officeart/2005/8/layout/hierarchy1"/>
    <dgm:cxn modelId="{27AE93C6-36AC-4087-A669-F4FD5CFF0B8B}" type="presParOf" srcId="{F993B0B4-1ACF-4F39-8C63-B70693B1FAC4}" destId="{8395E2ED-EC31-4019-84CB-659D2013215B}" srcOrd="1" destOrd="0" presId="urn:microsoft.com/office/officeart/2005/8/layout/hierarchy1"/>
    <dgm:cxn modelId="{601ECA4B-6315-4671-B558-A108122ADBB8}" type="presParOf" srcId="{8395E2ED-EC31-4019-84CB-659D2013215B}" destId="{9E31EEBD-3149-42A0-A30C-E915E2611382}" srcOrd="0" destOrd="0" presId="urn:microsoft.com/office/officeart/2005/8/layout/hierarchy1"/>
    <dgm:cxn modelId="{8E0A4AA8-925F-4617-B087-FBD718B2026F}" type="presParOf" srcId="{9E31EEBD-3149-42A0-A30C-E915E2611382}" destId="{820FDFB8-D43F-4C60-95E2-95A5E6B0BB2C}" srcOrd="0" destOrd="0" presId="urn:microsoft.com/office/officeart/2005/8/layout/hierarchy1"/>
    <dgm:cxn modelId="{6A7FCF7D-5B74-44BF-807C-2B0640922F87}" type="presParOf" srcId="{9E31EEBD-3149-42A0-A30C-E915E2611382}" destId="{A2F3F342-58E0-4AC6-BA65-2448F56E933B}" srcOrd="1" destOrd="0" presId="urn:microsoft.com/office/officeart/2005/8/layout/hierarchy1"/>
    <dgm:cxn modelId="{649DFFEF-2489-4519-82D2-9081D8594305}" type="presParOf" srcId="{8395E2ED-EC31-4019-84CB-659D2013215B}" destId="{B5C4D8CA-9963-4D76-A644-C1D9159526CD}" srcOrd="1" destOrd="0" presId="urn:microsoft.com/office/officeart/2005/8/layout/hierarchy1"/>
    <dgm:cxn modelId="{2A54FBD3-421C-4399-91AF-29FE699FF98C}" type="presParOf" srcId="{1ADD7CBD-71BD-4B09-A39F-15AA7649E0BF}" destId="{FE2C31E1-C06B-4AF1-86B0-C1FD0D7040DD}" srcOrd="2" destOrd="0" presId="urn:microsoft.com/office/officeart/2005/8/layout/hierarchy1"/>
    <dgm:cxn modelId="{B28A8D95-61AF-438E-992A-63E17005047B}" type="presParOf" srcId="{1ADD7CBD-71BD-4B09-A39F-15AA7649E0BF}" destId="{C4B08E0A-C55D-4C7F-98CB-F056ECCCFD17}" srcOrd="3" destOrd="0" presId="urn:microsoft.com/office/officeart/2005/8/layout/hierarchy1"/>
    <dgm:cxn modelId="{F15616B9-A48E-4CE5-A559-3C2DECD0E31A}" type="presParOf" srcId="{C4B08E0A-C55D-4C7F-98CB-F056ECCCFD17}" destId="{6120B5E4-480C-4A05-BD1F-BC9CC131DD77}" srcOrd="0" destOrd="0" presId="urn:microsoft.com/office/officeart/2005/8/layout/hierarchy1"/>
    <dgm:cxn modelId="{2C5A71FE-44CB-41FC-AA0F-860412E61E15}" type="presParOf" srcId="{6120B5E4-480C-4A05-BD1F-BC9CC131DD77}" destId="{32C61DBA-D716-441F-90E8-C62EB12A6CA1}" srcOrd="0" destOrd="0" presId="urn:microsoft.com/office/officeart/2005/8/layout/hierarchy1"/>
    <dgm:cxn modelId="{95721A7D-4A83-49CD-9897-5F85514D2AF5}" type="presParOf" srcId="{6120B5E4-480C-4A05-BD1F-BC9CC131DD77}" destId="{F7478EE2-064C-45F1-9BFC-25E736A47933}" srcOrd="1" destOrd="0" presId="urn:microsoft.com/office/officeart/2005/8/layout/hierarchy1"/>
    <dgm:cxn modelId="{33D5E197-CF21-433B-88E5-1D4B82346F25}" type="presParOf" srcId="{C4B08E0A-C55D-4C7F-98CB-F056ECCCFD17}" destId="{E7E98328-EA12-4266-B7D0-3A3D31C243CA}" srcOrd="1" destOrd="0" presId="urn:microsoft.com/office/officeart/2005/8/layout/hierarchy1"/>
    <dgm:cxn modelId="{C7C6470B-7B69-4980-9336-E962A0C35B6E}" type="presParOf" srcId="{E7E98328-EA12-4266-B7D0-3A3D31C243CA}" destId="{8C7027CA-DBD1-4AB6-B22F-203651F21E17}" srcOrd="0" destOrd="0" presId="urn:microsoft.com/office/officeart/2005/8/layout/hierarchy1"/>
    <dgm:cxn modelId="{5F0B65C5-E053-4D5E-AE96-3CC0E080ECCD}" type="presParOf" srcId="{E7E98328-EA12-4266-B7D0-3A3D31C243CA}" destId="{E9AF2E73-D361-4324-84F6-5D95B6CA2B53}" srcOrd="1" destOrd="0" presId="urn:microsoft.com/office/officeart/2005/8/layout/hierarchy1"/>
    <dgm:cxn modelId="{C0484AD1-5F30-4FC7-A481-75602455DB78}" type="presParOf" srcId="{E9AF2E73-D361-4324-84F6-5D95B6CA2B53}" destId="{C7DAFE53-CC3F-40E0-BABA-DABB16F94C43}" srcOrd="0" destOrd="0" presId="urn:microsoft.com/office/officeart/2005/8/layout/hierarchy1"/>
    <dgm:cxn modelId="{0546965A-DD6C-4C76-ADC7-807568AC3B25}" type="presParOf" srcId="{C7DAFE53-CC3F-40E0-BABA-DABB16F94C43}" destId="{9ABE6D1D-32CE-4DC0-8116-BC9918E4B9B0}" srcOrd="0" destOrd="0" presId="urn:microsoft.com/office/officeart/2005/8/layout/hierarchy1"/>
    <dgm:cxn modelId="{EB251E64-9DF3-4148-8760-C29E3C763C56}" type="presParOf" srcId="{C7DAFE53-CC3F-40E0-BABA-DABB16F94C43}" destId="{2B1DD1D7-A41B-4221-A842-55546E8188AC}" srcOrd="1" destOrd="0" presId="urn:microsoft.com/office/officeart/2005/8/layout/hierarchy1"/>
    <dgm:cxn modelId="{3A129088-387F-400A-BC04-5A76B5A9260B}" type="presParOf" srcId="{E9AF2E73-D361-4324-84F6-5D95B6CA2B53}" destId="{5724A42B-26AF-4894-B1A1-EB526D1F7A6E}" srcOrd="1" destOrd="0" presId="urn:microsoft.com/office/officeart/2005/8/layout/hierarchy1"/>
    <dgm:cxn modelId="{F599D4A1-0852-43F7-9FEC-F91637F2BF35}" type="presParOf" srcId="{1ADD7CBD-71BD-4B09-A39F-15AA7649E0BF}" destId="{FD3DFA12-F220-476D-8EEB-1CD850676497}" srcOrd="4" destOrd="0" presId="urn:microsoft.com/office/officeart/2005/8/layout/hierarchy1"/>
    <dgm:cxn modelId="{103B47FD-C4AD-4C2B-AB3A-F842A5C27762}" type="presParOf" srcId="{1ADD7CBD-71BD-4B09-A39F-15AA7649E0BF}" destId="{09EAA18E-5386-4A74-A1FB-C2B9AAEF5147}" srcOrd="5" destOrd="0" presId="urn:microsoft.com/office/officeart/2005/8/layout/hierarchy1"/>
    <dgm:cxn modelId="{0FB4A05C-744E-47F0-927E-DF1631ED2308}" type="presParOf" srcId="{09EAA18E-5386-4A74-A1FB-C2B9AAEF5147}" destId="{046B5B19-4601-41F8-9A97-39B2C4C74AB1}" srcOrd="0" destOrd="0" presId="urn:microsoft.com/office/officeart/2005/8/layout/hierarchy1"/>
    <dgm:cxn modelId="{72FC6632-D90E-44DD-83A6-12AEFE6C088E}" type="presParOf" srcId="{046B5B19-4601-41F8-9A97-39B2C4C74AB1}" destId="{6C70419D-2189-4383-A234-317944A217BC}" srcOrd="0" destOrd="0" presId="urn:microsoft.com/office/officeart/2005/8/layout/hierarchy1"/>
    <dgm:cxn modelId="{2F423B6D-4C0D-4208-8B51-AF40D9D16AB0}" type="presParOf" srcId="{046B5B19-4601-41F8-9A97-39B2C4C74AB1}" destId="{17E6AD34-3A7E-4149-ADA4-6A70F8BA380F}" srcOrd="1" destOrd="0" presId="urn:microsoft.com/office/officeart/2005/8/layout/hierarchy1"/>
    <dgm:cxn modelId="{5424F0C3-B974-4316-8E18-D65CCFE490A0}" type="presParOf" srcId="{09EAA18E-5386-4A74-A1FB-C2B9AAEF5147}" destId="{8F02E659-4EB5-43BC-9B59-D83147CF5395}" srcOrd="1" destOrd="0" presId="urn:microsoft.com/office/officeart/2005/8/layout/hierarchy1"/>
    <dgm:cxn modelId="{1F61886C-9EED-4A2B-9BE0-4DD1C72B57DE}" type="presParOf" srcId="{8F02E659-4EB5-43BC-9B59-D83147CF5395}" destId="{5224CEAE-8530-4CC0-B28E-0B1B0D23ADE6}" srcOrd="0" destOrd="0" presId="urn:microsoft.com/office/officeart/2005/8/layout/hierarchy1"/>
    <dgm:cxn modelId="{B716D77C-63B9-41B4-B6E9-D9505DB79C51}" type="presParOf" srcId="{8F02E659-4EB5-43BC-9B59-D83147CF5395}" destId="{B760AEC2-A2A8-4410-BBF2-9AEBEFADCC35}" srcOrd="1" destOrd="0" presId="urn:microsoft.com/office/officeart/2005/8/layout/hierarchy1"/>
    <dgm:cxn modelId="{22D2782A-4EE4-4BA6-A9F7-A55528AA1981}" type="presParOf" srcId="{B760AEC2-A2A8-4410-BBF2-9AEBEFADCC35}" destId="{49EDD492-17AF-4961-845E-75A5EE0F4425}" srcOrd="0" destOrd="0" presId="urn:microsoft.com/office/officeart/2005/8/layout/hierarchy1"/>
    <dgm:cxn modelId="{6D5C7659-AB68-4A7B-AD46-2E88025F0540}" type="presParOf" srcId="{49EDD492-17AF-4961-845E-75A5EE0F4425}" destId="{0E669CD5-FD34-4E84-AE88-EF203005DC1D}" srcOrd="0" destOrd="0" presId="urn:microsoft.com/office/officeart/2005/8/layout/hierarchy1"/>
    <dgm:cxn modelId="{5DD96DA6-770B-41C9-996F-E169FAF5D9DF}" type="presParOf" srcId="{49EDD492-17AF-4961-845E-75A5EE0F4425}" destId="{5F2DC2DF-69AF-42C2-A0E7-D60332376125}" srcOrd="1" destOrd="0" presId="urn:microsoft.com/office/officeart/2005/8/layout/hierarchy1"/>
    <dgm:cxn modelId="{0F4BF0F2-27AA-4330-A828-20DC35BD3753}" type="presParOf" srcId="{B760AEC2-A2A8-4410-BBF2-9AEBEFADCC35}" destId="{6B0E994F-5389-4F12-946B-9BD71AEFC334}" srcOrd="1" destOrd="0" presId="urn:microsoft.com/office/officeart/2005/8/layout/hierarchy1"/>
    <dgm:cxn modelId="{0580AE48-C380-4C20-81E0-3DA0B2DB3D49}" type="presParOf" srcId="{1ADD7CBD-71BD-4B09-A39F-15AA7649E0BF}" destId="{C541E5BB-8507-4359-80D2-AA204D23D059}" srcOrd="6" destOrd="0" presId="urn:microsoft.com/office/officeart/2005/8/layout/hierarchy1"/>
    <dgm:cxn modelId="{2F5AB188-D84C-4510-A6A7-115328826533}" type="presParOf" srcId="{1ADD7CBD-71BD-4B09-A39F-15AA7649E0BF}" destId="{0B7D0FE6-E1F8-4AE6-9429-4AA28B47B132}" srcOrd="7" destOrd="0" presId="urn:microsoft.com/office/officeart/2005/8/layout/hierarchy1"/>
    <dgm:cxn modelId="{539CFDFC-9BE1-4063-A88A-F229C4D54D7C}" type="presParOf" srcId="{0B7D0FE6-E1F8-4AE6-9429-4AA28B47B132}" destId="{EEB038FD-7523-4146-A5DF-F2038615C609}" srcOrd="0" destOrd="0" presId="urn:microsoft.com/office/officeart/2005/8/layout/hierarchy1"/>
    <dgm:cxn modelId="{273661ED-7076-463D-B3D9-5B2D11C9E815}" type="presParOf" srcId="{EEB038FD-7523-4146-A5DF-F2038615C609}" destId="{A23BD8E2-1CC6-4A77-9268-9C3E321A44F0}" srcOrd="0" destOrd="0" presId="urn:microsoft.com/office/officeart/2005/8/layout/hierarchy1"/>
    <dgm:cxn modelId="{62372557-CBC0-4688-AA3A-DDC108EC22A9}" type="presParOf" srcId="{EEB038FD-7523-4146-A5DF-F2038615C609}" destId="{D97F3F7A-115E-4AE5-8A17-E26C935D813B}" srcOrd="1" destOrd="0" presId="urn:microsoft.com/office/officeart/2005/8/layout/hierarchy1"/>
    <dgm:cxn modelId="{842D6E8D-3210-428C-A4E2-2A5AD8AF952C}" type="presParOf" srcId="{0B7D0FE6-E1F8-4AE6-9429-4AA28B47B132}" destId="{0AEDF67E-F494-49D0-BAC2-C573EBC0ACE2}" srcOrd="1" destOrd="0" presId="urn:microsoft.com/office/officeart/2005/8/layout/hierarchy1"/>
    <dgm:cxn modelId="{07C4D153-0F1A-4A6F-A245-189078789D7C}" type="presParOf" srcId="{83C06C7E-7621-45F5-A227-1371ABA1F573}" destId="{C7E62416-C5B0-4825-B880-A77A3DF81CD5}" srcOrd="4" destOrd="0" presId="urn:microsoft.com/office/officeart/2005/8/layout/hierarchy1"/>
    <dgm:cxn modelId="{D3AD7A0E-4EAA-479B-9B29-B5C0EA931160}" type="presParOf" srcId="{83C06C7E-7621-45F5-A227-1371ABA1F573}" destId="{451AF147-EB6D-4D4B-AC14-40C6DBFD5028}" srcOrd="5" destOrd="0" presId="urn:microsoft.com/office/officeart/2005/8/layout/hierarchy1"/>
    <dgm:cxn modelId="{E5BAA607-B77C-4FA6-9F6E-8DA723C8A509}" type="presParOf" srcId="{451AF147-EB6D-4D4B-AC14-40C6DBFD5028}" destId="{58E81225-8D08-48ED-9368-B9AE26888A47}" srcOrd="0" destOrd="0" presId="urn:microsoft.com/office/officeart/2005/8/layout/hierarchy1"/>
    <dgm:cxn modelId="{F759EEAC-FCFE-4E96-97EB-0D5F18E5824C}" type="presParOf" srcId="{58E81225-8D08-48ED-9368-B9AE26888A47}" destId="{2FF59B6C-1BCF-4A25-B11C-CE6B8297AC83}" srcOrd="0" destOrd="0" presId="urn:microsoft.com/office/officeart/2005/8/layout/hierarchy1"/>
    <dgm:cxn modelId="{BDFFA2C1-C82E-4C36-8574-64FDF646C5F7}" type="presParOf" srcId="{58E81225-8D08-48ED-9368-B9AE26888A47}" destId="{1C2940FE-6597-4666-9A8C-15AB514BF044}" srcOrd="1" destOrd="0" presId="urn:microsoft.com/office/officeart/2005/8/layout/hierarchy1"/>
    <dgm:cxn modelId="{5671D631-044D-4489-8D24-9E583A631B2B}" type="presParOf" srcId="{451AF147-EB6D-4D4B-AC14-40C6DBFD5028}" destId="{B00BBF33-B32E-43DE-A41F-29174AF2A7E6}" srcOrd="1" destOrd="0" presId="urn:microsoft.com/office/officeart/2005/8/layout/hierarchy1"/>
    <dgm:cxn modelId="{314D316B-D18A-4416-A226-85ECFEB679A5}" type="presParOf" srcId="{B00BBF33-B32E-43DE-A41F-29174AF2A7E6}" destId="{8CB38675-496C-4FEA-A46E-9157BD54B683}" srcOrd="0" destOrd="0" presId="urn:microsoft.com/office/officeart/2005/8/layout/hierarchy1"/>
    <dgm:cxn modelId="{87AB9CDC-6059-4785-B0E9-CB486C4DF95B}" type="presParOf" srcId="{B00BBF33-B32E-43DE-A41F-29174AF2A7E6}" destId="{583F5710-7193-4435-B12B-FDA2D8A09724}" srcOrd="1" destOrd="0" presId="urn:microsoft.com/office/officeart/2005/8/layout/hierarchy1"/>
    <dgm:cxn modelId="{28B96D7D-9707-4848-B346-3C980D91D480}" type="presParOf" srcId="{583F5710-7193-4435-B12B-FDA2D8A09724}" destId="{017EAACA-1111-45EA-8B1D-48259489DB2E}" srcOrd="0" destOrd="0" presId="urn:microsoft.com/office/officeart/2005/8/layout/hierarchy1"/>
    <dgm:cxn modelId="{0AAE9884-7974-4097-8E15-EDCB2DC694B5}" type="presParOf" srcId="{017EAACA-1111-45EA-8B1D-48259489DB2E}" destId="{9A4CCD29-975B-4EB0-9049-86603CD86F5D}" srcOrd="0" destOrd="0" presId="urn:microsoft.com/office/officeart/2005/8/layout/hierarchy1"/>
    <dgm:cxn modelId="{5E884B1F-E82B-4698-B06D-8AEA42571782}" type="presParOf" srcId="{017EAACA-1111-45EA-8B1D-48259489DB2E}" destId="{00359C0E-B50F-4CC8-9E54-46883C37578C}" srcOrd="1" destOrd="0" presId="urn:microsoft.com/office/officeart/2005/8/layout/hierarchy1"/>
    <dgm:cxn modelId="{8B5B5506-600C-43A1-A83A-A2E184C7AF2C}" type="presParOf" srcId="{583F5710-7193-4435-B12B-FDA2D8A09724}" destId="{A8B1E4FE-BB99-4DDF-97FF-9154036737E0}" srcOrd="1" destOrd="0" presId="urn:microsoft.com/office/officeart/2005/8/layout/hierarchy1"/>
    <dgm:cxn modelId="{3541EED4-BA9C-4C8A-914D-0955978EF116}" type="presParOf" srcId="{A8B1E4FE-BB99-4DDF-97FF-9154036737E0}" destId="{0B031D51-8EB9-4683-AE0F-51AB21478AD0}" srcOrd="0" destOrd="0" presId="urn:microsoft.com/office/officeart/2005/8/layout/hierarchy1"/>
    <dgm:cxn modelId="{48A3C214-E120-4392-B81C-BCDBDE442931}" type="presParOf" srcId="{A8B1E4FE-BB99-4DDF-97FF-9154036737E0}" destId="{FD007762-D609-4FEF-8039-A5A8140BDBF6}" srcOrd="1" destOrd="0" presId="urn:microsoft.com/office/officeart/2005/8/layout/hierarchy1"/>
    <dgm:cxn modelId="{28EC9D66-4D34-48A6-A37B-ADA3BB1F7A61}" type="presParOf" srcId="{FD007762-D609-4FEF-8039-A5A8140BDBF6}" destId="{5D51CC1C-1430-4168-B0A1-3E06A81909AD}" srcOrd="0" destOrd="0" presId="urn:microsoft.com/office/officeart/2005/8/layout/hierarchy1"/>
    <dgm:cxn modelId="{D0898570-1259-4FD4-A5FA-21057C0BF433}" type="presParOf" srcId="{5D51CC1C-1430-4168-B0A1-3E06A81909AD}" destId="{B2966318-1DCB-4F4F-B5D2-02544199B860}" srcOrd="0" destOrd="0" presId="urn:microsoft.com/office/officeart/2005/8/layout/hierarchy1"/>
    <dgm:cxn modelId="{6C014984-59B7-4B4D-85AD-656DD8DEB599}" type="presParOf" srcId="{5D51CC1C-1430-4168-B0A1-3E06A81909AD}" destId="{5B11EB0B-26B3-4551-8E3A-3267F35CAF9E}" srcOrd="1" destOrd="0" presId="urn:microsoft.com/office/officeart/2005/8/layout/hierarchy1"/>
    <dgm:cxn modelId="{1C270981-AB73-4B67-884D-CF13E18262C6}" type="presParOf" srcId="{FD007762-D609-4FEF-8039-A5A8140BDBF6}" destId="{52650DF4-B156-469F-B205-7B1061AE7F47}" srcOrd="1" destOrd="0" presId="urn:microsoft.com/office/officeart/2005/8/layout/hierarchy1"/>
    <dgm:cxn modelId="{A8D0FA6A-643E-423B-AEA5-708FDC05576F}" type="presParOf" srcId="{52650DF4-B156-469F-B205-7B1061AE7F47}" destId="{F4D2D6BE-FE4B-46E9-B15F-F4C64E22AEA1}" srcOrd="0" destOrd="0" presId="urn:microsoft.com/office/officeart/2005/8/layout/hierarchy1"/>
    <dgm:cxn modelId="{1F64FF7C-62B1-4312-8CB6-900EA2218ACC}" type="presParOf" srcId="{52650DF4-B156-469F-B205-7B1061AE7F47}" destId="{C2EE19AA-1BE1-4A09-9530-4E5A0E6EEABC}" srcOrd="1" destOrd="0" presId="urn:microsoft.com/office/officeart/2005/8/layout/hierarchy1"/>
    <dgm:cxn modelId="{D9317692-0C6C-4E8E-8FCF-153C61411D80}" type="presParOf" srcId="{C2EE19AA-1BE1-4A09-9530-4E5A0E6EEABC}" destId="{8AF52BC5-5C1D-4F8B-B5C0-66BE28F6728D}" srcOrd="0" destOrd="0" presId="urn:microsoft.com/office/officeart/2005/8/layout/hierarchy1"/>
    <dgm:cxn modelId="{32D13CD5-FE4D-46C7-9C78-C3717F9A30D7}" type="presParOf" srcId="{8AF52BC5-5C1D-4F8B-B5C0-66BE28F6728D}" destId="{D4E83095-6640-4A93-9942-E791C2B3E2E9}" srcOrd="0" destOrd="0" presId="urn:microsoft.com/office/officeart/2005/8/layout/hierarchy1"/>
    <dgm:cxn modelId="{92F2D1B4-A347-4462-8F85-EB0A24EDA4DF}" type="presParOf" srcId="{8AF52BC5-5C1D-4F8B-B5C0-66BE28F6728D}" destId="{8FDE98B3-0C6C-4A50-98EC-7499E1E70CA9}" srcOrd="1" destOrd="0" presId="urn:microsoft.com/office/officeart/2005/8/layout/hierarchy1"/>
    <dgm:cxn modelId="{644B0941-911F-4E25-9686-323250F5CAD0}" type="presParOf" srcId="{C2EE19AA-1BE1-4A09-9530-4E5A0E6EEABC}" destId="{87AE6EDC-A969-4535-9670-9CDF00A7105E}" srcOrd="1" destOrd="0" presId="urn:microsoft.com/office/officeart/2005/8/layout/hierarchy1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sp="http://schemas.microsoft.com/office/drawing/2008/diagram" xmlns:a="http://schemas.openxmlformats.org/drawingml/2006/main" xmlns:dgm="http://schemas.openxmlformats.org/drawingml/2006/diagram">
  <dsp:spTree>
    <dsp:nvGrpSpPr>
      <dsp:cNvPr id="0" name=""/>
      <dsp:cNvGrpSpPr/>
    </dsp:nvGrpSpPr>
    <dsp:grpSpPr/>
    <dsp:sp modelId="{A9B1F35A-0696-45D5-B348-E4DDDA6D7113}">
      <dsp:nvSpPr>
        <dsp:cNvPr id="0" name=""/>
        <dsp:cNvSpPr/>
      </dsp:nvSpPr>
      <dsp:spPr>
        <a:xfrm>
          <a:off x="569061" y="712384"/>
          <a:ext cx="5760719" cy="5760719"/>
        </a:xfrm>
        <a:prstGeom prst="pie">
          <a:avLst>
            <a:gd name="adj1" fmla="val 16200000"/>
            <a:gd name="adj2" fmla="val 19285716"/>
          </a:avLst>
        </a:prstGeom>
        <a:solidFill>
          <a:schemeClr val="accent6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7780" tIns="17780" rIns="17780" bIns="17780" numCol="1" spcCol="1270" anchor="ctr" anchorCtr="0" rtlCol="false">
          <a:noAutofit/>
        </a:bodyPr>
        <a:lstStyle/>
        <a:p>
          <a:pPr marL="0" lvl="0" indent="0" algn="ctr" defTabSz="6223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0" kern="1200">
              <a:solidFill>
                <a:schemeClr val="tx1"/>
              </a:solidFill>
            </a:rPr>
            <a:t>Forberedelse af APV-proces</a:t>
          </a:r>
        </a:p>
      </dsp:txBody>
      <dsp:txXfrm>
        <a:off x="3506341" y="1261024"/>
        <a:ext cx="1577339" cy="994409"/>
      </dsp:txXfrm>
    </dsp:sp>
    <dsp:sp modelId="{EEA73243-3CC5-4D69-89AA-9B43A094D79E}">
      <dsp:nvSpPr>
        <dsp:cNvPr id="0" name=""/>
        <dsp:cNvSpPr/>
      </dsp:nvSpPr>
      <dsp:spPr>
        <a:xfrm>
          <a:off x="565988" y="716597"/>
          <a:ext cx="5760719" cy="5760719"/>
        </a:xfrm>
        <a:prstGeom prst="pie">
          <a:avLst>
            <a:gd name="adj1" fmla="val 19285716"/>
            <a:gd name="adj2" fmla="val 771428"/>
          </a:avLst>
        </a:prstGeom>
        <a:solidFill>
          <a:schemeClr val="accent4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7780" tIns="17780" rIns="17780" bIns="17780" numCol="1" spcCol="1270" anchor="ctr" anchorCtr="0" rtlCol="false">
          <a:noAutofit/>
        </a:bodyPr>
        <a:lstStyle/>
        <a:p>
          <a:pPr marL="0" lvl="0" indent="0" algn="ctr" defTabSz="6223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0" kern="1200">
              <a:solidFill>
                <a:schemeClr val="tx1"/>
              </a:solidFill>
            </a:rPr>
            <a:t>Gennemførelse af APV og Trivselsmåling</a:t>
          </a:r>
        </a:p>
      </dsp:txBody>
      <dsp:txXfrm>
        <a:off x="4509338" y="2773997"/>
        <a:ext cx="1673351" cy="1062989"/>
      </dsp:txXfrm>
    </dsp:sp>
    <dsp:sp modelId="{CD67746C-B166-4CE0-8119-5F43CD3B6084}">
      <dsp:nvSpPr>
        <dsp:cNvPr id="0" name=""/>
        <dsp:cNvSpPr/>
      </dsp:nvSpPr>
      <dsp:spPr>
        <a:xfrm>
          <a:off x="565988" y="730250"/>
          <a:ext cx="5760719" cy="5760719"/>
        </a:xfrm>
        <a:prstGeom prst="pie">
          <a:avLst>
            <a:gd name="adj1" fmla="val 771428"/>
            <a:gd name="adj2" fmla="val 3857143"/>
          </a:avLst>
        </a:prstGeom>
        <a:solidFill>
          <a:schemeClr val="accent3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7780" tIns="17780" rIns="17780" bIns="17780" numCol="1" spcCol="1270" anchor="ctr" anchorCtr="0" rtlCol="false">
          <a:noAutofit/>
        </a:bodyPr>
        <a:lstStyle/>
        <a:p>
          <a:pPr marL="0" lvl="0" indent="0" algn="ctr" defTabSz="6223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0" kern="1200">
              <a:solidFill>
                <a:schemeClr val="tx1"/>
              </a:solidFill>
            </a:rPr>
            <a:t>Afrapportering af målingens resultater</a:t>
          </a:r>
        </a:p>
      </dsp:txBody>
      <dsp:txXfrm>
        <a:off x="4269308" y="4159250"/>
        <a:ext cx="1508759" cy="1097279"/>
      </dsp:txXfrm>
    </dsp:sp>
    <dsp:sp modelId="{52E33B99-A641-4937-AA95-AFFE5026097E}">
      <dsp:nvSpPr>
        <dsp:cNvPr id="0" name=""/>
        <dsp:cNvSpPr/>
      </dsp:nvSpPr>
      <dsp:spPr>
        <a:xfrm>
          <a:off x="565988" y="1167143"/>
          <a:ext cx="5760719" cy="5760719"/>
        </a:xfrm>
        <a:prstGeom prst="pie">
          <a:avLst>
            <a:gd name="adj1" fmla="val 3857226"/>
            <a:gd name="adj2" fmla="val 6942858"/>
          </a:avLst>
        </a:prstGeom>
        <a:solidFill>
          <a:schemeClr val="accent1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7780" tIns="17780" rIns="17780" bIns="17780" numCol="1" spcCol="1270" anchor="ctr" anchorCtr="0" rtlCol="false">
          <a:noAutofit/>
        </a:bodyPr>
        <a:lstStyle/>
        <a:p>
          <a:pPr marL="0" lvl="0" indent="0" algn="ctr" defTabSz="6223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0" kern="1200">
              <a:solidFill>
                <a:schemeClr val="tx1"/>
              </a:solidFill>
            </a:rPr>
            <a:t>Dialog om og vurdering af resultaterne</a:t>
          </a:r>
        </a:p>
      </dsp:txBody>
      <dsp:txXfrm>
        <a:off x="2674823" y="5693422"/>
        <a:ext cx="1543049" cy="1097279"/>
      </dsp:txXfrm>
    </dsp:sp>
    <dsp:sp modelId="{7BC9ADBD-79B6-4CDD-BD7A-917BB62C25C5}">
      <dsp:nvSpPr>
        <dsp:cNvPr id="0" name=""/>
        <dsp:cNvSpPr/>
      </dsp:nvSpPr>
      <dsp:spPr>
        <a:xfrm>
          <a:off x="552220" y="744018"/>
          <a:ext cx="5760719" cy="5760719"/>
        </a:xfrm>
        <a:prstGeom prst="pie">
          <a:avLst>
            <a:gd name="adj1" fmla="val 6942858"/>
            <a:gd name="adj2" fmla="val 10028574"/>
          </a:avLst>
        </a:prstGeom>
        <a:solidFill>
          <a:schemeClr val="accent2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7780" tIns="17780" rIns="17780" bIns="17780" numCol="1" spcCol="1270" anchor="ctr" anchorCtr="0" rtlCol="false">
          <a:noAutofit/>
        </a:bodyPr>
        <a:lstStyle/>
        <a:p>
          <a:pPr marL="0" lvl="0" indent="0" algn="ctr" defTabSz="6223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0" kern="1200">
              <a:solidFill>
                <a:schemeClr val="tx1"/>
              </a:solidFill>
            </a:rPr>
            <a:t>Handlingsplan: Planlægning af indsatser</a:t>
          </a:r>
        </a:p>
      </dsp:txBody>
      <dsp:txXfrm>
        <a:off x="1100860" y="4173018"/>
        <a:ext cx="1508759" cy="1097279"/>
      </dsp:txXfrm>
    </dsp:sp>
    <dsp:sp modelId="{ED6B7DD2-6D88-43AC-8FAC-0F85F20D1905}">
      <dsp:nvSpPr>
        <dsp:cNvPr id="0" name=""/>
        <dsp:cNvSpPr/>
      </dsp:nvSpPr>
      <dsp:spPr>
        <a:xfrm>
          <a:off x="542657" y="726909"/>
          <a:ext cx="5760719" cy="5760719"/>
        </a:xfrm>
        <a:prstGeom prst="pie">
          <a:avLst>
            <a:gd name="adj1" fmla="val 10028574"/>
            <a:gd name="adj2" fmla="val 13114284"/>
          </a:avLst>
        </a:prstGeom>
        <a:solidFill>
          <a:schemeClr val="bg2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7780" tIns="17780" rIns="17780" bIns="17780" numCol="1" spcCol="1270" anchor="ctr" anchorCtr="0" rtlCol="false">
          <a:noAutofit/>
        </a:bodyPr>
        <a:lstStyle/>
        <a:p>
          <a:pPr marL="0" lvl="0" indent="0" algn="ctr" defTabSz="6223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0" kern="1200">
              <a:solidFill>
                <a:schemeClr val="tx1"/>
              </a:solidFill>
            </a:rPr>
            <a:t>Implementering: Konkrete initiativer</a:t>
          </a:r>
        </a:p>
      </dsp:txBody>
      <dsp:txXfrm>
        <a:off x="686675" y="2784309"/>
        <a:ext cx="1673351" cy="1062989"/>
      </dsp:txXfrm>
    </dsp:sp>
    <dsp:sp modelId="{E5464C76-DB82-4316-94BA-629BD5EC22C4}">
      <dsp:nvSpPr>
        <dsp:cNvPr id="0" name=""/>
        <dsp:cNvSpPr/>
      </dsp:nvSpPr>
      <dsp:spPr>
        <a:xfrm>
          <a:off x="550837" y="724720"/>
          <a:ext cx="5760719" cy="5760719"/>
        </a:xfrm>
        <a:prstGeom prst="pie">
          <a:avLst>
            <a:gd name="adj1" fmla="val 13114284"/>
            <a:gd name="adj2" fmla="val 16200000"/>
          </a:avLst>
        </a:prstGeom>
        <a:solidFill>
          <a:schemeClr val="accent5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7780" tIns="17780" rIns="17780" bIns="17780" numCol="1" spcCol="1270" anchor="ctr" anchorCtr="0" rtlCol="false">
          <a:noAutofit/>
        </a:bodyPr>
        <a:lstStyle/>
        <a:p>
          <a:pPr marL="0" lvl="0" indent="0" algn="ctr" defTabSz="6223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0" kern="1200">
              <a:solidFill>
                <a:schemeClr val="tx1"/>
              </a:solidFill>
            </a:rPr>
            <a:t>Opfølgning: </a:t>
          </a:r>
        </a:p>
        <a:p>
          <a:pPr marL="0" lvl="0" indent="0" algn="ctr" defTabSz="6223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400" b="0" kern="1200">
              <a:solidFill>
                <a:schemeClr val="tx1"/>
              </a:solidFill>
            </a:rPr>
            <a:t>Virker det?</a:t>
          </a:r>
        </a:p>
      </dsp:txBody>
      <dsp:txXfrm>
        <a:off x="1798993" y="1273360"/>
        <a:ext cx="1577339" cy="994409"/>
      </dsp:txXfrm>
    </dsp:sp>
  </dsp:spTree>
</dsp:drawing>
</file>

<file path=ppt/diagrams/drawing2.xml><?xml version="1.0" encoding="utf-8"?>
<dsp:drawing xmlns:dsp="http://schemas.microsoft.com/office/drawing/2008/diagram" xmlns:a="http://schemas.openxmlformats.org/drawingml/2006/main" xmlns:dgm="http://schemas.openxmlformats.org/drawingml/2006/diagram">
  <dsp:spTree>
    <dsp:nvGrpSpPr>
      <dsp:cNvPr id="0" name=""/>
      <dsp:cNvGrpSpPr/>
    </dsp:nvGrpSpPr>
    <dsp:grpSpPr/>
    <dsp:sp modelId="{F4D2D6BE-FE4B-46E9-B15F-F4C64E22AEA1}">
      <dsp:nvSpPr>
        <dsp:cNvPr id="0" name=""/>
        <dsp:cNvSpPr/>
      </dsp:nvSpPr>
      <dsp:spPr>
        <a:xfrm>
          <a:off x="7685723" y="4412168"/>
          <a:ext cx="91440" cy="374639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0B031D51-8EB9-4683-AE0F-51AB21478AD0}">
      <dsp:nvSpPr>
        <dsp:cNvPr id="0" name=""/>
        <dsp:cNvSpPr/>
      </dsp:nvSpPr>
      <dsp:spPr>
        <a:xfrm>
          <a:off x="7685723" y="3219548"/>
          <a:ext cx="91440" cy="374639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8CB38675-496C-4FEA-A46E-9157BD54B683}">
      <dsp:nvSpPr>
        <dsp:cNvPr id="0" name=""/>
        <dsp:cNvSpPr/>
      </dsp:nvSpPr>
      <dsp:spPr>
        <a:xfrm>
          <a:off x="7685723" y="2026928"/>
          <a:ext cx="91440" cy="374639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C7E62416-C5B0-4825-B880-A77A3DF81CD5}">
      <dsp:nvSpPr>
        <dsp:cNvPr id="0" name=""/>
        <dsp:cNvSpPr/>
      </dsp:nvSpPr>
      <dsp:spPr>
        <a:xfrm>
          <a:off x="4582613" y="834309"/>
          <a:ext cx="3148830" cy="374639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255305"/>
              </a:lnTo>
              <a:lnTo>
                <a:pt x="3148830" y="255305"/>
              </a:lnTo>
              <a:lnTo>
                <a:pt x="3148830" y="374639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C541E5BB-8507-4359-80D2-AA204D23D059}">
      <dsp:nvSpPr>
        <dsp:cNvPr id="0" name=""/>
        <dsp:cNvSpPr/>
      </dsp:nvSpPr>
      <dsp:spPr>
        <a:xfrm>
          <a:off x="3795405" y="3219548"/>
          <a:ext cx="2361622" cy="374639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255305"/>
              </a:lnTo>
              <a:lnTo>
                <a:pt x="2361622" y="255305"/>
              </a:lnTo>
              <a:lnTo>
                <a:pt x="2361622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5224CEAE-8530-4CC0-B28E-0B1B0D23ADE6}">
      <dsp:nvSpPr>
        <dsp:cNvPr id="0" name=""/>
        <dsp:cNvSpPr/>
      </dsp:nvSpPr>
      <dsp:spPr>
        <a:xfrm>
          <a:off x="4536893" y="4412168"/>
          <a:ext cx="91440" cy="374639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FD3DFA12-F220-476D-8EEB-1CD850676497}">
      <dsp:nvSpPr>
        <dsp:cNvPr id="0" name=""/>
        <dsp:cNvSpPr/>
      </dsp:nvSpPr>
      <dsp:spPr>
        <a:xfrm>
          <a:off x="3795405" y="3219548"/>
          <a:ext cx="787207" cy="374639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255305"/>
              </a:lnTo>
              <a:lnTo>
                <a:pt x="787207" y="255305"/>
              </a:lnTo>
              <a:lnTo>
                <a:pt x="787207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8C7027CA-DBD1-4AB6-B22F-203651F21E17}">
      <dsp:nvSpPr>
        <dsp:cNvPr id="0" name=""/>
        <dsp:cNvSpPr/>
      </dsp:nvSpPr>
      <dsp:spPr>
        <a:xfrm>
          <a:off x="2962478" y="4412168"/>
          <a:ext cx="91440" cy="374639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FE2C31E1-C06B-4AF1-86B0-C1FD0D7040DD}">
      <dsp:nvSpPr>
        <dsp:cNvPr id="0" name=""/>
        <dsp:cNvSpPr/>
      </dsp:nvSpPr>
      <dsp:spPr>
        <a:xfrm>
          <a:off x="3008198" y="3219548"/>
          <a:ext cx="787207" cy="374639"/>
        </a:xfrm>
        <a:custGeom>
          <a:avLst/>
          <a:gdLst/>
          <a:ahLst/>
          <a:cxnLst/>
          <a:rect l="0" t="0" r="0" b="0"/>
          <a:pathLst>
            <a:path>
              <a:moveTo>
                <a:pt x="787207" y="0"/>
              </a:moveTo>
              <a:lnTo>
                <a:pt x="787207" y="255305"/>
              </a:lnTo>
              <a:lnTo>
                <a:pt x="0" y="255305"/>
              </a:lnTo>
              <a:lnTo>
                <a:pt x="0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B4290D80-346A-4421-AC6A-20FCE25F5241}">
      <dsp:nvSpPr>
        <dsp:cNvPr id="0" name=""/>
        <dsp:cNvSpPr/>
      </dsp:nvSpPr>
      <dsp:spPr>
        <a:xfrm>
          <a:off x="1388063" y="4412168"/>
          <a:ext cx="91440" cy="374639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788C1207-F8EA-49B8-AD23-3B92A88A3522}">
      <dsp:nvSpPr>
        <dsp:cNvPr id="0" name=""/>
        <dsp:cNvSpPr/>
      </dsp:nvSpPr>
      <dsp:spPr>
        <a:xfrm>
          <a:off x="1433783" y="3219548"/>
          <a:ext cx="2361622" cy="374639"/>
        </a:xfrm>
        <a:custGeom>
          <a:avLst/>
          <a:gdLst/>
          <a:ahLst/>
          <a:cxnLst/>
          <a:rect l="0" t="0" r="0" b="0"/>
          <a:pathLst>
            <a:path>
              <a:moveTo>
                <a:pt x="2361622" y="0"/>
              </a:moveTo>
              <a:lnTo>
                <a:pt x="2361622" y="255305"/>
              </a:lnTo>
              <a:lnTo>
                <a:pt x="0" y="255305"/>
              </a:lnTo>
              <a:lnTo>
                <a:pt x="0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444A87F1-3A4E-4B80-9556-A68C4846FC15}">
      <dsp:nvSpPr>
        <dsp:cNvPr id="0" name=""/>
        <dsp:cNvSpPr/>
      </dsp:nvSpPr>
      <dsp:spPr>
        <a:xfrm>
          <a:off x="3749685" y="2026928"/>
          <a:ext cx="91440" cy="374639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2AEEF734-82C6-49ED-A622-8D904DE91E30}">
      <dsp:nvSpPr>
        <dsp:cNvPr id="0" name=""/>
        <dsp:cNvSpPr/>
      </dsp:nvSpPr>
      <dsp:spPr>
        <a:xfrm>
          <a:off x="3795405" y="834309"/>
          <a:ext cx="787207" cy="374639"/>
        </a:xfrm>
        <a:custGeom>
          <a:avLst/>
          <a:gdLst/>
          <a:ahLst/>
          <a:cxnLst/>
          <a:rect l="0" t="0" r="0" b="0"/>
          <a:pathLst>
            <a:path>
              <a:moveTo>
                <a:pt x="787207" y="0"/>
              </a:moveTo>
              <a:lnTo>
                <a:pt x="787207" y="255305"/>
              </a:lnTo>
              <a:lnTo>
                <a:pt x="0" y="255305"/>
              </a:lnTo>
              <a:lnTo>
                <a:pt x="0" y="374639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668E705A-4047-4691-8B20-3B3C7F365490}">
      <dsp:nvSpPr>
        <dsp:cNvPr id="0" name=""/>
        <dsp:cNvSpPr/>
      </dsp:nvSpPr>
      <dsp:spPr>
        <a:xfrm>
          <a:off x="1433783" y="2026928"/>
          <a:ext cx="787207" cy="374639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255305"/>
              </a:lnTo>
              <a:lnTo>
                <a:pt x="787207" y="255305"/>
              </a:lnTo>
              <a:lnTo>
                <a:pt x="787207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C8E6FE3F-42AB-40F9-8E58-4D5DA6039CEB}">
      <dsp:nvSpPr>
        <dsp:cNvPr id="0" name=""/>
        <dsp:cNvSpPr/>
      </dsp:nvSpPr>
      <dsp:spPr>
        <a:xfrm>
          <a:off x="646575" y="2026928"/>
          <a:ext cx="787207" cy="374639"/>
        </a:xfrm>
        <a:custGeom>
          <a:avLst/>
          <a:gdLst/>
          <a:ahLst/>
          <a:cxnLst/>
          <a:rect l="0" t="0" r="0" b="0"/>
          <a:pathLst>
            <a:path>
              <a:moveTo>
                <a:pt x="787207" y="0"/>
              </a:moveTo>
              <a:lnTo>
                <a:pt x="787207" y="255305"/>
              </a:lnTo>
              <a:lnTo>
                <a:pt x="0" y="255305"/>
              </a:lnTo>
              <a:lnTo>
                <a:pt x="0" y="374639"/>
              </a:lnTo>
            </a:path>
          </a:pathLst>
        </a:custGeom>
        <a:noFill/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FCAFE085-7F0C-4167-86C1-D7FBCB4AB90F}">
      <dsp:nvSpPr>
        <dsp:cNvPr id="0" name=""/>
        <dsp:cNvSpPr/>
      </dsp:nvSpPr>
      <dsp:spPr>
        <a:xfrm>
          <a:off x="1433783" y="834309"/>
          <a:ext cx="3148830" cy="374639"/>
        </a:xfrm>
        <a:custGeom>
          <a:avLst/>
          <a:gdLst/>
          <a:ahLst/>
          <a:cxnLst/>
          <a:rect l="0" t="0" r="0" b="0"/>
          <a:pathLst>
            <a:path>
              <a:moveTo>
                <a:pt x="3148830" y="0"/>
              </a:moveTo>
              <a:lnTo>
                <a:pt x="3148830" y="255305"/>
              </a:lnTo>
              <a:lnTo>
                <a:pt x="0" y="255305"/>
              </a:lnTo>
              <a:lnTo>
                <a:pt x="0" y="374639"/>
              </a:lnTo>
            </a:path>
          </a:pathLst>
        </a:custGeom>
        <a:noFill/>
        <a:ln w="127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9C1AF369-AF49-45D3-B9F7-69DB203F5E76}">
      <dsp:nvSpPr>
        <dsp:cNvPr id="0" name=""/>
        <dsp:cNvSpPr/>
      </dsp:nvSpPr>
      <dsp:spPr>
        <a:xfrm>
          <a:off x="3938534" y="16329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CC9C954-9697-4E8D-9048-0C25795AEC44}">
      <dsp:nvSpPr>
        <dsp:cNvPr id="0" name=""/>
        <dsp:cNvSpPr/>
      </dsp:nvSpPr>
      <dsp:spPr>
        <a:xfrm>
          <a:off x="4081663" y="152301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b="1" kern="1200"/>
            <a:t>Faldrisiko</a:t>
          </a:r>
        </a:p>
      </dsp:txBody>
      <dsp:txXfrm>
        <a:off x="4105621" y="176259"/>
        <a:ext cx="1240241" cy="770064"/>
      </dsp:txXfrm>
    </dsp:sp>
    <dsp:sp modelId="{06DFB54C-5F04-419A-AAF6-781B81F05C52}">
      <dsp:nvSpPr>
        <dsp:cNvPr id="0" name=""/>
        <dsp:cNvSpPr/>
      </dsp:nvSpPr>
      <dsp:spPr>
        <a:xfrm>
          <a:off x="789704" y="1208948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5AF6E55-92DC-4E3B-818B-C969568D15AA}">
      <dsp:nvSpPr>
        <dsp:cNvPr id="0" name=""/>
        <dsp:cNvSpPr/>
      </dsp:nvSpPr>
      <dsp:spPr>
        <a:xfrm>
          <a:off x="932832" y="134492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der nogle gange er vådt på gulvet</a:t>
          </a:r>
        </a:p>
      </dsp:txBody>
      <dsp:txXfrm>
        <a:off x="956790" y="1368878"/>
        <a:ext cx="1240241" cy="770064"/>
      </dsp:txXfrm>
    </dsp:sp>
    <dsp:sp modelId="{232EF452-93A1-46F0-9269-6170C4C6A4E5}">
      <dsp:nvSpPr>
        <dsp:cNvPr id="0" name=""/>
        <dsp:cNvSpPr/>
      </dsp:nvSpPr>
      <dsp:spPr>
        <a:xfrm>
          <a:off x="2496" y="2401568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0137F80-8789-4FF3-ACEA-9D257D552EEA}">
      <dsp:nvSpPr>
        <dsp:cNvPr id="0" name=""/>
        <dsp:cNvSpPr/>
      </dsp:nvSpPr>
      <dsp:spPr>
        <a:xfrm>
          <a:off x="145625" y="253754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der gulvet bliver vasket i arbejdstiden</a:t>
          </a:r>
        </a:p>
      </dsp:txBody>
      <dsp:txXfrm>
        <a:off x="169583" y="2561498"/>
        <a:ext cx="1240241" cy="770064"/>
      </dsp:txXfrm>
    </dsp:sp>
    <dsp:sp modelId="{BEDBDB10-DA6F-4AD1-97E0-9C20E02BBC33}">
      <dsp:nvSpPr>
        <dsp:cNvPr id="0" name=""/>
        <dsp:cNvSpPr/>
      </dsp:nvSpPr>
      <dsp:spPr>
        <a:xfrm>
          <a:off x="1576911" y="2401568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FB9CE28-47A1-4748-BB58-06AD76191712}">
      <dsp:nvSpPr>
        <dsp:cNvPr id="0" name=""/>
        <dsp:cNvSpPr/>
      </dsp:nvSpPr>
      <dsp:spPr>
        <a:xfrm>
          <a:off x="1720040" y="253754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gulvet er slidt og ujævnt</a:t>
          </a:r>
        </a:p>
      </dsp:txBody>
      <dsp:txXfrm>
        <a:off x="1743998" y="2561498"/>
        <a:ext cx="1240241" cy="770064"/>
      </dsp:txXfrm>
    </dsp:sp>
    <dsp:sp modelId="{577D4264-D45B-4B55-9AC0-A798CB59EE07}">
      <dsp:nvSpPr>
        <dsp:cNvPr id="0" name=""/>
        <dsp:cNvSpPr/>
      </dsp:nvSpPr>
      <dsp:spPr>
        <a:xfrm>
          <a:off x="3151326" y="1208948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72F3ADC-98A4-4070-9229-CFAEEAD9F796}">
      <dsp:nvSpPr>
        <dsp:cNvPr id="0" name=""/>
        <dsp:cNvSpPr/>
      </dsp:nvSpPr>
      <dsp:spPr>
        <a:xfrm>
          <a:off x="3294455" y="134492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vi har for travlt</a:t>
          </a:r>
        </a:p>
      </dsp:txBody>
      <dsp:txXfrm>
        <a:off x="3318413" y="1368878"/>
        <a:ext cx="1240241" cy="770064"/>
      </dsp:txXfrm>
    </dsp:sp>
    <dsp:sp modelId="{EA657B15-B77D-4991-805C-1CCC0FB394B9}">
      <dsp:nvSpPr>
        <dsp:cNvPr id="0" name=""/>
        <dsp:cNvSpPr/>
      </dsp:nvSpPr>
      <dsp:spPr>
        <a:xfrm>
          <a:off x="3151326" y="2401568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0B77ADC-7386-4B13-82F9-F9CEF93B0AC5}">
      <dsp:nvSpPr>
        <dsp:cNvPr id="0" name=""/>
        <dsp:cNvSpPr/>
      </dsp:nvSpPr>
      <dsp:spPr>
        <a:xfrm>
          <a:off x="3294455" y="253754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vi ofte får ekstra opgaver</a:t>
          </a:r>
        </a:p>
      </dsp:txBody>
      <dsp:txXfrm>
        <a:off x="3318413" y="2561498"/>
        <a:ext cx="1240241" cy="770064"/>
      </dsp:txXfrm>
    </dsp:sp>
    <dsp:sp modelId="{DDF8B290-D18E-4DEC-BFF8-BB920F1A26EB}">
      <dsp:nvSpPr>
        <dsp:cNvPr id="0" name=""/>
        <dsp:cNvSpPr/>
      </dsp:nvSpPr>
      <dsp:spPr>
        <a:xfrm>
          <a:off x="789704" y="3594187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FDB4790-1C99-412E-8DE8-D66B527D58E3}">
      <dsp:nvSpPr>
        <dsp:cNvPr id="0" name=""/>
        <dsp:cNvSpPr/>
      </dsp:nvSpPr>
      <dsp:spPr>
        <a:xfrm>
          <a:off x="932832" y="373016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der er meget sygdom</a:t>
          </a:r>
        </a:p>
      </dsp:txBody>
      <dsp:txXfrm>
        <a:off x="956790" y="3754118"/>
        <a:ext cx="1240241" cy="770064"/>
      </dsp:txXfrm>
    </dsp:sp>
    <dsp:sp modelId="{820FDFB8-D43F-4C60-95E2-95A5E6B0BB2C}">
      <dsp:nvSpPr>
        <dsp:cNvPr id="0" name=""/>
        <dsp:cNvSpPr/>
      </dsp:nvSpPr>
      <dsp:spPr>
        <a:xfrm>
          <a:off x="789704" y="4786807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2F3F342-58E0-4AC6-BA65-2448F56E933B}">
      <dsp:nvSpPr>
        <dsp:cNvPr id="0" name=""/>
        <dsp:cNvSpPr/>
      </dsp:nvSpPr>
      <dsp:spPr>
        <a:xfrm>
          <a:off x="932832" y="4922779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Mange medarbejdere er stressede</a:t>
          </a:r>
        </a:p>
      </dsp:txBody>
      <dsp:txXfrm>
        <a:off x="956790" y="4946737"/>
        <a:ext cx="1240241" cy="770064"/>
      </dsp:txXfrm>
    </dsp:sp>
    <dsp:sp modelId="{32C61DBA-D716-441F-90E8-C62EB12A6CA1}">
      <dsp:nvSpPr>
        <dsp:cNvPr id="0" name=""/>
        <dsp:cNvSpPr/>
      </dsp:nvSpPr>
      <dsp:spPr>
        <a:xfrm>
          <a:off x="2364119" y="3594187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7478EE2-064C-45F1-9BFC-25E736A47933}">
      <dsp:nvSpPr>
        <dsp:cNvPr id="0" name=""/>
        <dsp:cNvSpPr/>
      </dsp:nvSpPr>
      <dsp:spPr>
        <a:xfrm>
          <a:off x="2507247" y="373016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vi er pligtopfyldende</a:t>
          </a:r>
        </a:p>
      </dsp:txBody>
      <dsp:txXfrm>
        <a:off x="2531205" y="3754118"/>
        <a:ext cx="1240241" cy="770064"/>
      </dsp:txXfrm>
    </dsp:sp>
    <dsp:sp modelId="{9ABE6D1D-32CE-4DC0-8116-BC9918E4B9B0}">
      <dsp:nvSpPr>
        <dsp:cNvPr id="0" name=""/>
        <dsp:cNvSpPr/>
      </dsp:nvSpPr>
      <dsp:spPr>
        <a:xfrm>
          <a:off x="2364119" y="4786807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B1DD1D7-A41B-4221-A842-55546E8188AC}">
      <dsp:nvSpPr>
        <dsp:cNvPr id="0" name=""/>
        <dsp:cNvSpPr/>
      </dsp:nvSpPr>
      <dsp:spPr>
        <a:xfrm>
          <a:off x="2507247" y="4922779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ledelsen forventer at vi når det hele</a:t>
          </a:r>
        </a:p>
      </dsp:txBody>
      <dsp:txXfrm>
        <a:off x="2531205" y="4946737"/>
        <a:ext cx="1240241" cy="770064"/>
      </dsp:txXfrm>
    </dsp:sp>
    <dsp:sp modelId="{6C70419D-2189-4383-A234-317944A217BC}">
      <dsp:nvSpPr>
        <dsp:cNvPr id="0" name=""/>
        <dsp:cNvSpPr/>
      </dsp:nvSpPr>
      <dsp:spPr>
        <a:xfrm>
          <a:off x="3938534" y="3594187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17E6AD34-3A7E-4149-ADA4-6A70F8BA380F}">
      <dsp:nvSpPr>
        <dsp:cNvPr id="0" name=""/>
        <dsp:cNvSpPr/>
      </dsp:nvSpPr>
      <dsp:spPr>
        <a:xfrm>
          <a:off x="4081663" y="373016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der ikke er vikardækning</a:t>
          </a:r>
        </a:p>
      </dsp:txBody>
      <dsp:txXfrm>
        <a:off x="4105621" y="3754118"/>
        <a:ext cx="1240241" cy="770064"/>
      </dsp:txXfrm>
    </dsp:sp>
    <dsp:sp modelId="{0E669CD5-FD34-4E84-AE88-EF203005DC1D}">
      <dsp:nvSpPr>
        <dsp:cNvPr id="0" name=""/>
        <dsp:cNvSpPr/>
      </dsp:nvSpPr>
      <dsp:spPr>
        <a:xfrm>
          <a:off x="3938534" y="4786807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F2DC2DF-69AF-42C2-A0E7-D60332376125}">
      <dsp:nvSpPr>
        <dsp:cNvPr id="0" name=""/>
        <dsp:cNvSpPr/>
      </dsp:nvSpPr>
      <dsp:spPr>
        <a:xfrm>
          <a:off x="4081663" y="4922779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økonomien er dårlig</a:t>
          </a:r>
        </a:p>
      </dsp:txBody>
      <dsp:txXfrm>
        <a:off x="4105621" y="4946737"/>
        <a:ext cx="1240241" cy="770064"/>
      </dsp:txXfrm>
    </dsp:sp>
    <dsp:sp modelId="{A23BD8E2-1CC6-4A77-9268-9C3E321A44F0}">
      <dsp:nvSpPr>
        <dsp:cNvPr id="0" name=""/>
        <dsp:cNvSpPr/>
      </dsp:nvSpPr>
      <dsp:spPr>
        <a:xfrm>
          <a:off x="5512949" y="3594187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97F3F7A-115E-4AE5-8A17-E26C935D813B}">
      <dsp:nvSpPr>
        <dsp:cNvPr id="0" name=""/>
        <dsp:cNvSpPr/>
      </dsp:nvSpPr>
      <dsp:spPr>
        <a:xfrm>
          <a:off x="5656078" y="373016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der ikke er en plan B</a:t>
          </a:r>
        </a:p>
      </dsp:txBody>
      <dsp:txXfrm>
        <a:off x="5680036" y="3754118"/>
        <a:ext cx="1240241" cy="770064"/>
      </dsp:txXfrm>
    </dsp:sp>
    <dsp:sp modelId="{2FF59B6C-1BCF-4A25-B11C-CE6B8297AC83}">
      <dsp:nvSpPr>
        <dsp:cNvPr id="0" name=""/>
        <dsp:cNvSpPr/>
      </dsp:nvSpPr>
      <dsp:spPr>
        <a:xfrm>
          <a:off x="7087364" y="1208948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1C2940FE-6597-4666-9A8C-15AB514BF044}">
      <dsp:nvSpPr>
        <dsp:cNvPr id="0" name=""/>
        <dsp:cNvSpPr/>
      </dsp:nvSpPr>
      <dsp:spPr>
        <a:xfrm>
          <a:off x="7230493" y="134492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der er mørkt på gangen</a:t>
          </a:r>
        </a:p>
      </dsp:txBody>
      <dsp:txXfrm>
        <a:off x="7254451" y="1368878"/>
        <a:ext cx="1240241" cy="770064"/>
      </dsp:txXfrm>
    </dsp:sp>
    <dsp:sp modelId="{9A4CCD29-975B-4EB0-9049-86603CD86F5D}">
      <dsp:nvSpPr>
        <dsp:cNvPr id="0" name=""/>
        <dsp:cNvSpPr/>
      </dsp:nvSpPr>
      <dsp:spPr>
        <a:xfrm>
          <a:off x="7087364" y="2401568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0359C0E-B50F-4CC8-9E54-46883C37578C}">
      <dsp:nvSpPr>
        <dsp:cNvPr id="0" name=""/>
        <dsp:cNvSpPr/>
      </dsp:nvSpPr>
      <dsp:spPr>
        <a:xfrm>
          <a:off x="7230493" y="253754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vi ikke kan tænde lyset</a:t>
          </a:r>
        </a:p>
      </dsp:txBody>
      <dsp:txXfrm>
        <a:off x="7254451" y="2561498"/>
        <a:ext cx="1240241" cy="770064"/>
      </dsp:txXfrm>
    </dsp:sp>
    <dsp:sp modelId="{B2966318-1DCB-4F4F-B5D2-02544199B860}">
      <dsp:nvSpPr>
        <dsp:cNvPr id="0" name=""/>
        <dsp:cNvSpPr/>
      </dsp:nvSpPr>
      <dsp:spPr>
        <a:xfrm>
          <a:off x="7087364" y="3594187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B11EB0B-26B3-4551-8E3A-3267F35CAF9E}">
      <dsp:nvSpPr>
        <dsp:cNvPr id="0" name=""/>
        <dsp:cNvSpPr/>
      </dsp:nvSpPr>
      <dsp:spPr>
        <a:xfrm>
          <a:off x="7230493" y="3730160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vi ofte skal bærer på udstyret</a:t>
          </a:r>
        </a:p>
      </dsp:txBody>
      <dsp:txXfrm>
        <a:off x="7254451" y="3754118"/>
        <a:ext cx="1240241" cy="770064"/>
      </dsp:txXfrm>
    </dsp:sp>
    <dsp:sp modelId="{D4E83095-6640-4A93-9942-E791C2B3E2E9}">
      <dsp:nvSpPr>
        <dsp:cNvPr id="0" name=""/>
        <dsp:cNvSpPr/>
      </dsp:nvSpPr>
      <dsp:spPr>
        <a:xfrm>
          <a:off x="7087364" y="4786807"/>
          <a:ext cx="1288157" cy="817980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FDE98B3-0C6C-4A50-98EC-7499E1E70CA9}">
      <dsp:nvSpPr>
        <dsp:cNvPr id="0" name=""/>
        <dsp:cNvSpPr/>
      </dsp:nvSpPr>
      <dsp:spPr>
        <a:xfrm>
          <a:off x="7230493" y="4922779"/>
          <a:ext cx="1288157" cy="817980"/>
        </a:xfrm>
        <a:prstGeom prst="roundRect">
          <a:avLst>
            <a:gd name="adj" fmla="val 10000"/>
          </a:avLst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 rtlCol="false">
          <a:noAutofit/>
        </a:bodyPr>
        <a:lstStyle/>
        <a:p>
          <a:pPr marL="0" lvl="0" indent="0" algn="ctr" defTabSz="533400" rtl="false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Fordi der er for få transport- vogne</a:t>
          </a:r>
        </a:p>
      </dsp:txBody>
      <dsp:txXfrm>
        <a:off x="7254451" y="4946737"/>
        <a:ext cx="1240241" cy="770064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hart3">
  <dgm:title val=""/>
  <dgm:desc val=""/>
  <dgm:catLst>
    <dgm:cat type="relationship" pri="27000"/>
    <dgm:cat type="cycle" pri="80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ompositeShape">
    <dgm:varLst>
      <dgm:chMax val="7"/>
      <dgm:dir/>
      <dgm:resizeHandles val="exact"/>
    </dgm:varLst>
    <dgm:alg type="composite">
      <dgm:param type="horzAlign" val="ctr"/>
      <dgm:param type="vertAlign" val="mid"/>
      <dgm:param type="ar" val="1"/>
    </dgm:alg>
    <dgm:presOf/>
    <dgm:shape xmlns:r="http://schemas.openxmlformats.org/officeDocument/2006/relationships" r:blip="">
      <dgm:adjLst/>
    </dgm:shape>
    <dgm:choose name="Name0">
      <dgm:if name="Name1" axis="ch" ptType="node" func="cnt" op="equ" val="1">
        <dgm:constrLst>
          <dgm:constr type="l" for="ch" forName="wedge1" refType="w" fact="0.08"/>
          <dgm:constr type="t" for="ch" forName="wedge1" refType="w" fact="0.08"/>
          <dgm:constr type="w" for="ch" forName="wedge1" refType="w" fact="0.84"/>
          <dgm:constr type="h" for="ch" forName="wedge1" refType="h" fact="0.84"/>
          <dgm:constr type="l" for="ch" forName="wedge1Tx" refType="w" fact="0.205"/>
          <dgm:constr type="t" for="ch" forName="wedge1Tx" refType="h" fact="0.205"/>
          <dgm:constr type="w" for="ch" forName="wedge1Tx" refType="w" fact="0.59"/>
          <dgm:constr type="h" for="ch" forName="wedge1Tx" refType="h" fact="0.59"/>
          <dgm:constr type="primFontSz" for="ch" ptType="node" op="equ"/>
        </dgm:constrLst>
      </dgm:if>
      <dgm:if name="Name2" axis="ch" ptType="node" func="cnt" op="equ" val="2">
        <dgm:constrLst>
          <dgm:constr type="l" for="ch" forName="wedge1" refType="w" fact="0.1"/>
          <dgm:constr type="t" for="ch" forName="wedge1" refType="w" fact="0.08"/>
          <dgm:constr type="w" for="ch" forName="wedge1" refType="w" fact="0.84"/>
          <dgm:constr type="h" for="ch" forName="wedge1" refType="h" fact="0.84"/>
          <dgm:constr type="l" for="ch" forName="wedge1Tx" refType="w" fact="0.52"/>
          <dgm:constr type="t" for="ch" forName="wedge1Tx" refType="h" fact="0.205"/>
          <dgm:constr type="w" for="ch" forName="wedge1Tx" refType="w" fact="0.295"/>
          <dgm:constr type="h" for="ch" forName="wedge1Tx" refType="h" fact="0.59"/>
          <dgm:constr type="l" for="ch" forName="wedge2" refType="w" fact="0.08"/>
          <dgm:constr type="t" for="ch" forName="wedge2" refType="w" fact="0.08"/>
          <dgm:constr type="w" for="ch" forName="wedge2" refType="w" fact="0.84"/>
          <dgm:constr type="h" for="ch" forName="wedge2" refType="h" fact="0.84"/>
          <dgm:constr type="l" for="ch" forName="wedge2Tx" refType="w" fact="0.2"/>
          <dgm:constr type="t" for="ch" forName="wedge2Tx" refType="h" fact="0.205"/>
          <dgm:constr type="w" for="ch" forName="wedge2Tx" refType="w" fact="0.295"/>
          <dgm:constr type="h" for="ch" forName="wedge2Tx" refType="h" fact="0.59"/>
          <dgm:constr type="primFontSz" for="ch" ptType="node" op="equ"/>
        </dgm:constrLst>
      </dgm:if>
      <dgm:if name="Name3" axis="ch" ptType="node" func="cnt" op="equ" val="3">
        <dgm:choose name="Name4">
          <dgm:if name="Name5" func="var" arg="dir" op="equ" val="norm">
            <dgm:constrLst>
              <dgm:constr type="l" for="ch" forName="wedge1" refType="w" fact="0.1233"/>
              <dgm:constr type="t" for="ch" forName="wedge1" refType="w" fact="0.055"/>
              <dgm:constr type="w" for="ch" forName="wedge1" refType="w" fact="0.84"/>
              <dgm:constr type="h" for="ch" forName="wedge1" refType="h" fact="0.84"/>
              <dgm:constr type="l" for="ch" forName="wedge1Tx" refType="w" fact="0.58"/>
              <dgm:constr type="t" for="ch" forName="wedge1Tx" refType="h" fact="0.21"/>
              <dgm:constr type="w" for="ch" forName="wedge1Tx" refType="w" fact="0.285"/>
              <dgm:constr type="h" for="ch" forName="wedge1Tx" refType="h" fact="0.28"/>
              <dgm:constr type="l" for="ch" forName="wedge2" refType="w" fact="0.08"/>
              <dgm:constr type="t" for="ch" forName="wedge2" refType="w" fact="0.08"/>
              <dgm:constr type="w" for="ch" forName="wedge2" refType="w" fact="0.84"/>
              <dgm:constr type="h" for="ch" forName="wedge2" refType="h" fact="0.84"/>
              <dgm:constr type="l" for="ch" forName="wedge2Tx" refType="w" fact="0.31"/>
              <dgm:constr type="t" for="ch" forName="wedge2Tx" refType="h" fact="0.61"/>
              <dgm:constr type="w" for="ch" forName="wedge2Tx" refType="w" fact="0.38"/>
              <dgm:constr type="h" for="ch" forName="wedge2Tx" refType="h" fact="0.26"/>
              <dgm:constr type="l" for="ch" forName="wedge3" refType="w" fact="0.08"/>
              <dgm:constr type="t" for="ch" forName="wedge3" refType="w" fact="0.08"/>
              <dgm:constr type="w" for="ch" forName="wedge3" refType="w" fact="0.84"/>
              <dgm:constr type="h" for="ch" forName="wedge3" refType="h" fact="0.84"/>
              <dgm:constr type="l" for="ch" forName="wedge3Tx" refType="w" fact="0.17"/>
              <dgm:constr type="t" for="ch" forName="wedge3Tx" refType="h" fact="0.245"/>
              <dgm:constr type="w" for="ch" forName="wedge3Tx" refType="w" fact="0.285"/>
              <dgm:constr type="h" for="ch" forName="wedge3Tx" refType="h" fact="0.28"/>
              <dgm:constr type="primFontSz" for="ch" ptType="node" op="equ"/>
            </dgm:constrLst>
          </dgm:if>
          <dgm:else name="Name6">
            <dgm:constrLst>
              <dgm:constr type="l" for="ch" forName="wedge1" refType="w" fact="0.08"/>
              <dgm:constr type="t" for="ch" forName="wedge1" refType="w" fact="0.08"/>
              <dgm:constr type="w" for="ch" forName="wedge1" refType="w" fact="0.84"/>
              <dgm:constr type="h" for="ch" forName="wedge1" refType="h" fact="0.84"/>
              <dgm:constr type="l" for="ch" forName="wedge1Tx" refType="w" fact="0.545"/>
              <dgm:constr type="t" for="ch" forName="wedge1Tx" refType="h" fact="0.245"/>
              <dgm:constr type="w" for="ch" forName="wedge1Tx" refType="w" fact="0.285"/>
              <dgm:constr type="h" for="ch" forName="wedge1Tx" refType="h" fact="0.28"/>
              <dgm:constr type="l" for="ch" forName="wedge2" refType="w" fact="0.08"/>
              <dgm:constr type="t" for="ch" forName="wedge2" refType="w" fact="0.08"/>
              <dgm:constr type="w" for="ch" forName="wedge2" refType="w" fact="0.84"/>
              <dgm:constr type="h" for="ch" forName="wedge2" refType="h" fact="0.84"/>
              <dgm:constr type="l" for="ch" forName="wedge2Tx" refType="w" fact="0.31"/>
              <dgm:constr type="t" for="ch" forName="wedge2Tx" refType="h" fact="0.61"/>
              <dgm:constr type="w" for="ch" forName="wedge2Tx" refType="w" fact="0.38"/>
              <dgm:constr type="h" for="ch" forName="wedge2Tx" refType="h" fact="0.26"/>
              <dgm:constr type="l" for="ch" forName="wedge3" refType="w" fact="0.0367"/>
              <dgm:constr type="t" for="ch" forName="wedge3" refType="w" fact="0.055"/>
              <dgm:constr type="w" for="ch" forName="wedge3" refType="w" fact="0.84"/>
              <dgm:constr type="h" for="ch" forName="wedge3" refType="h" fact="0.84"/>
              <dgm:constr type="l" for="ch" forName="wedge3Tx" refType="w" fact="0.14"/>
              <dgm:constr type="t" for="ch" forName="wedge3Tx" refType="h" fact="0.21"/>
              <dgm:constr type="w" for="ch" forName="wedge3Tx" refType="w" fact="0.285"/>
              <dgm:constr type="h" for="ch" forName="wedge3Tx" refType="h" fact="0.28"/>
              <dgm:constr type="primFontSz" for="ch" ptType="node" op="equ"/>
            </dgm:constrLst>
          </dgm:else>
        </dgm:choose>
      </dgm:if>
      <dgm:if name="Name7" axis="ch" ptType="node" func="cnt" op="equ" val="4">
        <dgm:choose name="Name8">
          <dgm:if name="Name9" func="var" arg="dir" op="equ" val="norm">
            <dgm:constrLst>
              <dgm:constr type="l" for="ch" forName="wedge1" refType="w" fact="0.1154"/>
              <dgm:constr type="t" for="ch" forName="wedge1" refType="w" fact="0.0446"/>
              <dgm:constr type="w" for="ch" forName="wedge1" refType="w" fact="0.84"/>
              <dgm:constr type="h" for="ch" forName="wedge1" refType="h" fact="0.84"/>
              <dgm:constr type="l" for="ch" forName="wedge1Tx" refType="w" fact="0.545"/>
              <dgm:constr type="t" for="ch" forName="wedge1Tx" refType="h" fact="0.2"/>
              <dgm:constr type="w" for="ch" forName="wedge1Tx" refType="w" fact="0.31"/>
              <dgm:constr type="h" for="ch" forName="wedge1Tx" refType="h" fact="0.25"/>
              <dgm:constr type="l" for="ch" forName="wedge2" refType="w" fact="0.08"/>
              <dgm:constr type="t" for="ch" forName="wedge2" refType="w" fact="0.08"/>
              <dgm:constr type="w" for="ch" forName="wedge2" refType="w" fact="0.84"/>
              <dgm:constr type="h" for="ch" forName="wedge2" refType="h" fact="0.84"/>
              <dgm:constr type="l" for="ch" forName="wedge2Tx" refType="w" fact="0.515"/>
              <dgm:constr type="t" for="ch" forName="wedge2Tx" refType="h" fact="0.515"/>
              <dgm:constr type="w" for="ch" forName="wedge2Tx" refType="w" fact="0.31"/>
              <dgm:constr type="h" for="ch" forName="wedge2Tx" refType="h" fact="0.25"/>
              <dgm:constr type="l" for="ch" forName="wedge3" refType="w" fact="0.08"/>
              <dgm:constr type="t" for="ch" forName="wedge3" refType="w" fact="0.08"/>
              <dgm:constr type="w" for="ch" forName="wedge3" refType="w" fact="0.84"/>
              <dgm:constr type="h" for="ch" forName="wedge3" refType="h" fact="0.84"/>
              <dgm:constr type="l" for="ch" forName="wedge3Tx" refType="w" fact="0.175"/>
              <dgm:constr type="t" for="ch" forName="wedge3Tx" refType="h" fact="0.515"/>
              <dgm:constr type="w" for="ch" forName="wedge3Tx" refType="w" fact="0.31"/>
              <dgm:constr type="h" for="ch" forName="wedge3Tx" refType="h" fact="0.25"/>
              <dgm:constr type="l" for="ch" forName="wedge4" refType="w" fact="0.08"/>
              <dgm:constr type="t" for="ch" forName="wedge4" refType="h" fact="0.08"/>
              <dgm:constr type="w" for="ch" forName="wedge4" refType="w" fact="0.84"/>
              <dgm:constr type="h" for="ch" forName="wedge4" refType="h" fact="0.84"/>
              <dgm:constr type="l" for="ch" forName="wedge4Tx" refType="w" fact="0.175"/>
              <dgm:constr type="t" for="ch" forName="wedge4Tx" refType="h" fact="0.235"/>
              <dgm:constr type="w" for="ch" forName="wedge4Tx" refType="w" fact="0.31"/>
              <dgm:constr type="h" for="ch" forName="wedge4Tx" refType="h" fact="0.25"/>
              <dgm:constr type="primFontSz" for="ch" ptType="node" op="equ"/>
            </dgm:constrLst>
          </dgm:if>
          <dgm:else name="Name10">
            <dgm:constrLst>
              <dgm:constr type="l" for="ch" forName="wedge1" refType="w" fact="0.08"/>
              <dgm:constr type="t" for="ch" forName="wedge1" refType="w" fact="0.08"/>
              <dgm:constr type="w" for="ch" forName="wedge1" refType="w" fact="0.84"/>
              <dgm:constr type="h" for="ch" forName="wedge1" refType="h" fact="0.84"/>
              <dgm:constr type="l" for="ch" forName="wedge1Tx" refType="w" fact="0.515"/>
              <dgm:constr type="t" for="ch" forName="wedge1Tx" refType="h" fact="0.235"/>
              <dgm:constr type="w" for="ch" forName="wedge1Tx" refType="w" fact="0.31"/>
              <dgm:constr type="h" for="ch" forName="wedge1Tx" refType="h" fact="0.25"/>
              <dgm:constr type="l" for="ch" forName="wedge2" refType="w" fact="0.08"/>
              <dgm:constr type="t" for="ch" forName="wedge2" refType="w" fact="0.08"/>
              <dgm:constr type="w" for="ch" forName="wedge2" refType="w" fact="0.84"/>
              <dgm:constr type="h" for="ch" forName="wedge2" refType="h" fact="0.84"/>
              <dgm:constr type="l" for="ch" forName="wedge2Tx" refType="w" fact="0.515"/>
              <dgm:constr type="t" for="ch" forName="wedge2Tx" refType="h" fact="0.515"/>
              <dgm:constr type="w" for="ch" forName="wedge2Tx" refType="w" fact="0.31"/>
              <dgm:constr type="h" for="ch" forName="wedge2Tx" refType="h" fact="0.25"/>
              <dgm:constr type="l" for="ch" forName="wedge3" refType="w" fact="0.08"/>
              <dgm:constr type="t" for="ch" forName="wedge3" refType="w" fact="0.08"/>
              <dgm:constr type="w" for="ch" forName="wedge3" refType="w" fact="0.84"/>
              <dgm:constr type="h" for="ch" forName="wedge3" refType="h" fact="0.84"/>
              <dgm:constr type="l" for="ch" forName="wedge3Tx" refType="w" fact="0.175"/>
              <dgm:constr type="t" for="ch" forName="wedge3Tx" refType="h" fact="0.515"/>
              <dgm:constr type="w" for="ch" forName="wedge3Tx" refType="w" fact="0.31"/>
              <dgm:constr type="h" for="ch" forName="wedge3Tx" refType="h" fact="0.25"/>
              <dgm:constr type="l" for="ch" forName="wedge4" refType="w" fact="0.0446"/>
              <dgm:constr type="t" for="ch" forName="wedge4" refType="h" fact="0.0446"/>
              <dgm:constr type="w" for="ch" forName="wedge4" refType="w" fact="0.84"/>
              <dgm:constr type="h" for="ch" forName="wedge4" refType="h" fact="0.84"/>
              <dgm:constr type="l" for="ch" forName="wedge4Tx" refType="w" fact="0.145"/>
              <dgm:constr type="t" for="ch" forName="wedge4Tx" refType="h" fact="0.2"/>
              <dgm:constr type="w" for="ch" forName="wedge4Tx" refType="w" fact="0.31"/>
              <dgm:constr type="h" for="ch" forName="wedge4Tx" refType="h" fact="0.25"/>
              <dgm:constr type="primFontSz" for="ch" ptType="node" op="equ"/>
            </dgm:constrLst>
          </dgm:else>
        </dgm:choose>
      </dgm:if>
      <dgm:if name="Name11" axis="ch" ptType="node" func="cnt" op="equ" val="5">
        <dgm:choose name="Name12">
          <dgm:if name="Name13" func="var" arg="dir" op="equ" val="norm">
            <dgm:constrLst>
              <dgm:constr type="l" for="ch" forName="wedge1" refType="w" fact="0.1094"/>
              <dgm:constr type="t" for="ch" forName="wedge1" refType="w" fact="0.0395"/>
              <dgm:constr type="w" for="ch" forName="wedge1" refType="w" fact="0.84"/>
              <dgm:constr type="h" for="ch" forName="wedge1" refType="h" fact="0.84"/>
              <dgm:constr type="l" for="ch" forName="wedge1Tx" refType="w" fact="0.54"/>
              <dgm:constr type="t" for="ch" forName="wedge1Tx" refType="h" fact="0.165"/>
              <dgm:constr type="w" for="ch" forName="wedge1Tx" refType="w" fact="0.285"/>
              <dgm:constr type="h" for="ch" forName="wedge1Tx" refType="h" fact="0.195"/>
              <dgm:constr type="l" for="ch" forName="wedge2" refType="w" fact="0.08"/>
              <dgm:constr type="t" for="ch" forName="wedge2" refType="w" fact="0.08"/>
              <dgm:constr type="w" for="ch" forName="wedge2" refType="w" fact="0.84"/>
              <dgm:constr type="h" for="ch" forName="wedge2" refType="h" fact="0.84"/>
              <dgm:constr type="l" for="ch" forName="wedge2Tx" refType="w" fact="0.629"/>
              <dgm:constr type="t" for="ch" forName="wedge2Tx" refType="h" fact="0.46"/>
              <dgm:constr type="w" for="ch" forName="wedge2Tx" refType="w" fact="0.25"/>
              <dgm:constr type="h" for="ch" forName="wedge2Tx" refType="h" fact="0.211"/>
              <dgm:constr type="l" for="ch" forName="wedge3" refType="w" fact="0.08"/>
              <dgm:constr type="t" for="ch" forName="wedge3" refType="w" fact="0.08"/>
              <dgm:constr type="w" for="ch" forName="wedge3" refType="w" fact="0.84"/>
              <dgm:constr type="h" for="ch" forName="wedge3" refType="h" fact="0.84"/>
              <dgm:constr type="l" for="ch" forName="wedge3Tx" refType="w" fact="0.35"/>
              <dgm:constr type="t" for="ch" forName="wedge3Tx" refType="h" fact="0.71"/>
              <dgm:constr type="w" for="ch" forName="wedge3Tx" refType="w" fact="0.3"/>
              <dgm:constr type="h" for="ch" forName="wedge3Tx" refType="h" fact="0.18"/>
              <dgm:constr type="l" for="ch" forName="wedge4" refType="w" fact="0.08"/>
              <dgm:constr type="t" for="ch" forName="wedge4" refType="h" fact="0.08"/>
              <dgm:constr type="w" for="ch" forName="wedge4" refType="w" fact="0.84"/>
              <dgm:constr type="h" for="ch" forName="wedge4" refType="h" fact="0.84"/>
              <dgm:constr type="l" for="ch" forName="wedge4Tx" refType="w" fact="0.12"/>
              <dgm:constr type="t" for="ch" forName="wedge4Tx" refType="h" fact="0.46"/>
              <dgm:constr type="w" for="ch" forName="wedge4Tx" refType="w" fact="0.25"/>
              <dgm:constr type="h" for="ch" forName="wedge4Tx" refType="h" fact="0.211"/>
              <dgm:constr type="l" for="ch" forName="wedge5" refType="w" fact="0.08"/>
              <dgm:constr type="t" for="ch" forName="wedge5" refType="h" fact="0.08"/>
              <dgm:constr type="w" for="ch" forName="wedge5" refType="w" fact="0.84"/>
              <dgm:constr type="h" for="ch" forName="wedge5" refType="h" fact="0.84"/>
              <dgm:constr type="l" for="ch" forName="wedge5Tx" refType="w" fact="0.2025"/>
              <dgm:constr type="t" for="ch" forName="wedge5Tx" refType="h" fact="0.208"/>
              <dgm:constr type="w" for="ch" forName="wedge5Tx" refType="w" fact="0.285"/>
              <dgm:constr type="h" for="ch" forName="wedge5Tx" refType="h" fact="0.195"/>
              <dgm:constr type="primFontSz" for="ch" ptType="node" op="equ"/>
            </dgm:constrLst>
          </dgm:if>
          <dgm:else name="Name14">
            <dgm:constrLst>
              <dgm:constr type="l" for="ch" forName="wedge1" refType="w" fact="0.08"/>
              <dgm:constr type="t" for="ch" forName="wedge1" refType="w" fact="0.08"/>
              <dgm:constr type="w" for="ch" forName="wedge1" refType="w" fact="0.84"/>
              <dgm:constr type="h" for="ch" forName="wedge1" refType="h" fact="0.84"/>
              <dgm:constr type="l" for="ch" forName="wedge1Tx" refType="w" fact="0.51"/>
              <dgm:constr type="t" for="ch" forName="wedge1Tx" refType="h" fact="0.208"/>
              <dgm:constr type="w" for="ch" forName="wedge1Tx" refType="w" fact="0.285"/>
              <dgm:constr type="h" for="ch" forName="wedge1Tx" refType="h" fact="0.195"/>
              <dgm:constr type="l" for="ch" forName="wedge2" refType="w" fact="0.08"/>
              <dgm:constr type="t" for="ch" forName="wedge2" refType="w" fact="0.08"/>
              <dgm:constr type="w" for="ch" forName="wedge2" refType="w" fact="0.84"/>
              <dgm:constr type="h" for="ch" forName="wedge2" refType="h" fact="0.84"/>
              <dgm:constr type="l" for="ch" forName="wedge2Tx" refType="w" fact="0.629"/>
              <dgm:constr type="t" for="ch" forName="wedge2Tx" refType="h" fact="0.46"/>
              <dgm:constr type="w" for="ch" forName="wedge2Tx" refType="w" fact="0.25"/>
              <dgm:constr type="h" for="ch" forName="wedge2Tx" refType="h" fact="0.211"/>
              <dgm:constr type="l" for="ch" forName="wedge3" refType="w" fact="0.08"/>
              <dgm:constr type="t" for="ch" forName="wedge3" refType="w" fact="0.08"/>
              <dgm:constr type="w" for="ch" forName="wedge3" refType="w" fact="0.84"/>
              <dgm:constr type="h" for="ch" forName="wedge3" refType="h" fact="0.84"/>
              <dgm:constr type="l" for="ch" forName="wedge3Tx" refType="w" fact="0.35"/>
              <dgm:constr type="t" for="ch" forName="wedge3Tx" refType="h" fact="0.71"/>
              <dgm:constr type="w" for="ch" forName="wedge3Tx" refType="w" fact="0.3"/>
              <dgm:constr type="h" for="ch" forName="wedge3Tx" refType="h" fact="0.18"/>
              <dgm:constr type="l" for="ch" forName="wedge4" refType="w" fact="0.08"/>
              <dgm:constr type="t" for="ch" forName="wedge4" refType="h" fact="0.08"/>
              <dgm:constr type="w" for="ch" forName="wedge4" refType="w" fact="0.84"/>
              <dgm:constr type="h" for="ch" forName="wedge4" refType="h" fact="0.84"/>
              <dgm:constr type="l" for="ch" forName="wedge4Tx" refType="w" fact="0.12"/>
              <dgm:constr type="t" for="ch" forName="wedge4Tx" refType="h" fact="0.46"/>
              <dgm:constr type="w" for="ch" forName="wedge4Tx" refType="w" fact="0.25"/>
              <dgm:constr type="h" for="ch" forName="wedge4Tx" refType="h" fact="0.211"/>
              <dgm:constr type="l" for="ch" forName="wedge5" refType="w" fact="0.0506"/>
              <dgm:constr type="t" for="ch" forName="wedge5" refType="h" fact="0.0395"/>
              <dgm:constr type="w" for="ch" forName="wedge5" refType="w" fact="0.84"/>
              <dgm:constr type="h" for="ch" forName="wedge5" refType="h" fact="0.84"/>
              <dgm:constr type="l" for="ch" forName="wedge5Tx" refType="w" fact="0.18"/>
              <dgm:constr type="t" for="ch" forName="wedge5Tx" refType="h" fact="0.165"/>
              <dgm:constr type="w" for="ch" forName="wedge5Tx" refType="w" fact="0.285"/>
              <dgm:constr type="h" for="ch" forName="wedge5Tx" refType="h" fact="0.195"/>
              <dgm:constr type="primFontSz" for="ch" ptType="node" op="equ"/>
            </dgm:constrLst>
          </dgm:else>
        </dgm:choose>
      </dgm:if>
      <dgm:if name="Name15" axis="ch" ptType="node" func="cnt" op="equ" val="6">
        <dgm:choose name="Name16">
          <dgm:if name="Name17" func="var" arg="dir" op="equ" val="norm">
            <dgm:constrLst>
              <dgm:constr type="l" for="ch" forName="wedge1" refType="w" fact="0.105"/>
              <dgm:constr type="t" for="ch" forName="wedge1" refType="w" fact="0.0367"/>
              <dgm:constr type="w" for="ch" forName="wedge1" refType="w" fact="0.84"/>
              <dgm:constr type="h" for="ch" forName="wedge1" refType="h" fact="0.84"/>
              <dgm:constr type="l" for="ch" forName="wedge1Tx" refType="w" fact="0.534"/>
              <dgm:constr type="t" for="ch" forName="wedge1Tx" refType="h" fact="0.1267"/>
              <dgm:constr type="w" for="ch" forName="wedge1Tx" refType="w" fact="0.245"/>
              <dgm:constr type="h" for="ch" forName="wedge1Tx" refType="h" fact="0.18"/>
              <dgm:constr type="l" for="ch" forName="wedge2" refType="w" fact="0.08"/>
              <dgm:constr type="t" for="ch" forName="wedge2" refType="w" fact="0.08"/>
              <dgm:constr type="w" for="ch" forName="wedge2" refType="w" fact="0.84"/>
              <dgm:constr type="h" for="ch" forName="wedge2" refType="h" fact="0.84"/>
              <dgm:constr type="l" for="ch" forName="wedge2Tx" refType="w" fact="0.655"/>
              <dgm:constr type="t" for="ch" forName="wedge2Tx" refType="h" fact="0.415"/>
              <dgm:constr type="w" for="ch" forName="wedge2Tx" refType="w" fact="0.254"/>
              <dgm:constr type="h" for="ch" forName="wedge2Tx" refType="h" fact="0.17"/>
              <dgm:constr type="l" for="ch" forName="wedge3" refType="w" fact="0.08"/>
              <dgm:constr type="t" for="ch" forName="wedge3" refType="w" fact="0.08"/>
              <dgm:constr type="w" for="ch" forName="wedge3" refType="w" fact="0.84"/>
              <dgm:constr type="h" for="ch" forName="wedge3" refType="h" fact="0.84"/>
              <dgm:constr type="l" for="ch" forName="wedge3Tx" refType="w" fact="0.509"/>
              <dgm:constr type="t" for="ch" forName="wedge3Tx" refType="h" fact="0.65"/>
              <dgm:constr type="w" for="ch" forName="wedge3Tx" refType="w" fact="0.245"/>
              <dgm:constr type="h" for="ch" forName="wedge3Tx" refType="h" fact="0.18"/>
              <dgm:constr type="l" for="ch" forName="wedge4" refType="w" fact="0.08"/>
              <dgm:constr type="t" for="ch" forName="wedge4" refType="h" fact="0.08"/>
              <dgm:constr type="w" for="ch" forName="wedge4" refType="w" fact="0.84"/>
              <dgm:constr type="h" for="ch" forName="wedge4" refType="h" fact="0.84"/>
              <dgm:constr type="l" for="ch" forName="wedge4Tx" refType="w" fact="0.246"/>
              <dgm:constr type="t" for="ch" forName="wedge4Tx" refType="h" fact="0.65"/>
              <dgm:constr type="w" for="ch" forName="wedge4Tx" refType="w" fact="0.245"/>
              <dgm:constr type="h" for="ch" forName="wedge4Tx" refType="h" fact="0.18"/>
              <dgm:constr type="l" for="ch" forName="wedge5" refType="w" fact="0.08"/>
              <dgm:constr type="t" for="ch" forName="wedge5" refType="h" fact="0.08"/>
              <dgm:constr type="w" for="ch" forName="wedge5" refType="w" fact="0.84"/>
              <dgm:constr type="h" for="ch" forName="wedge5" refType="h" fact="0.84"/>
              <dgm:constr type="l" for="ch" forName="wedge5Tx" refType="w" fact="0.093"/>
              <dgm:constr type="t" for="ch" forName="wedge5Tx" refType="h" fact="0.415"/>
              <dgm:constr type="w" for="ch" forName="wedge5Tx" refType="w" fact="0.254"/>
              <dgm:constr type="h" for="ch" forName="wedge5Tx" refType="h" fact="0.17"/>
              <dgm:constr type="l" for="ch" forName="wedge6" refType="w" fact="0.08"/>
              <dgm:constr type="t" for="ch" forName="wedge6" refType="h" fact="0.08"/>
              <dgm:constr type="w" for="ch" forName="wedge6" refType="w" fact="0.84"/>
              <dgm:constr type="h" for="ch" forName="wedge6" refType="h" fact="0.84"/>
              <dgm:constr type="l" for="ch" forName="wedge6Tx" refType="w" fact="0.246"/>
              <dgm:constr type="t" for="ch" forName="wedge6Tx" refType="h" fact="0.17"/>
              <dgm:constr type="w" for="ch" forName="wedge6Tx" refType="w" fact="0.245"/>
              <dgm:constr type="h" for="ch" forName="wedge6Tx" refType="h" fact="0.18"/>
              <dgm:constr type="primFontSz" for="ch" ptType="node" op="equ"/>
            </dgm:constrLst>
          </dgm:if>
          <dgm:else name="Name18">
            <dgm:constrLst>
              <dgm:constr type="l" for="ch" forName="wedge1" refType="w" fact="0.08"/>
              <dgm:constr type="t" for="ch" forName="wedge1" refType="w" fact="0.08"/>
              <dgm:constr type="w" for="ch" forName="wedge1" refType="w" fact="0.84"/>
              <dgm:constr type="h" for="ch" forName="wedge1" refType="h" fact="0.84"/>
              <dgm:constr type="l" for="ch" forName="wedge1Tx" refType="w" fact="0.509"/>
              <dgm:constr type="t" for="ch" forName="wedge1Tx" refType="h" fact="0.17"/>
              <dgm:constr type="w" for="ch" forName="wedge1Tx" refType="w" fact="0.245"/>
              <dgm:constr type="h" for="ch" forName="wedge1Tx" refType="h" fact="0.18"/>
              <dgm:constr type="l" for="ch" forName="wedge2" refType="w" fact="0.08"/>
              <dgm:constr type="t" for="ch" forName="wedge2" refType="w" fact="0.08"/>
              <dgm:constr type="w" for="ch" forName="wedge2" refType="w" fact="0.84"/>
              <dgm:constr type="h" for="ch" forName="wedge2" refType="h" fact="0.84"/>
              <dgm:constr type="l" for="ch" forName="wedge2Tx" refType="w" fact="0.655"/>
              <dgm:constr type="t" for="ch" forName="wedge2Tx" refType="h" fact="0.415"/>
              <dgm:constr type="w" for="ch" forName="wedge2Tx" refType="w" fact="0.254"/>
              <dgm:constr type="h" for="ch" forName="wedge2Tx" refType="h" fact="0.17"/>
              <dgm:constr type="l" for="ch" forName="wedge3" refType="w" fact="0.08"/>
              <dgm:constr type="t" for="ch" forName="wedge3" refType="w" fact="0.08"/>
              <dgm:constr type="w" for="ch" forName="wedge3" refType="w" fact="0.84"/>
              <dgm:constr type="h" for="ch" forName="wedge3" refType="h" fact="0.84"/>
              <dgm:constr type="l" for="ch" forName="wedge3Tx" refType="w" fact="0.509"/>
              <dgm:constr type="t" for="ch" forName="wedge3Tx" refType="h" fact="0.65"/>
              <dgm:constr type="w" for="ch" forName="wedge3Tx" refType="w" fact="0.245"/>
              <dgm:constr type="h" for="ch" forName="wedge3Tx" refType="h" fact="0.18"/>
              <dgm:constr type="l" for="ch" forName="wedge4" refType="w" fact="0.08"/>
              <dgm:constr type="t" for="ch" forName="wedge4" refType="h" fact="0.08"/>
              <dgm:constr type="w" for="ch" forName="wedge4" refType="w" fact="0.84"/>
              <dgm:constr type="h" for="ch" forName="wedge4" refType="h" fact="0.84"/>
              <dgm:constr type="l" for="ch" forName="wedge4Tx" refType="w" fact="0.246"/>
              <dgm:constr type="t" for="ch" forName="wedge4Tx" refType="h" fact="0.65"/>
              <dgm:constr type="w" for="ch" forName="wedge4Tx" refType="w" fact="0.245"/>
              <dgm:constr type="h" for="ch" forName="wedge4Tx" refType="h" fact="0.18"/>
              <dgm:constr type="l" for="ch" forName="wedge5" refType="w" fact="0.08"/>
              <dgm:constr type="t" for="ch" forName="wedge5" refType="h" fact="0.08"/>
              <dgm:constr type="w" for="ch" forName="wedge5" refType="w" fact="0.84"/>
              <dgm:constr type="h" for="ch" forName="wedge5" refType="h" fact="0.84"/>
              <dgm:constr type="l" for="ch" forName="wedge5Tx" refType="w" fact="0.093"/>
              <dgm:constr type="t" for="ch" forName="wedge5Tx" refType="h" fact="0.415"/>
              <dgm:constr type="w" for="ch" forName="wedge5Tx" refType="w" fact="0.254"/>
              <dgm:constr type="h" for="ch" forName="wedge5Tx" refType="h" fact="0.17"/>
              <dgm:constr type="l" for="ch" forName="wedge6" refType="w" fact="0.055"/>
              <dgm:constr type="t" for="ch" forName="wedge6" refType="h" fact="0.0367"/>
              <dgm:constr type="w" for="ch" forName="wedge6" refType="w" fact="0.84"/>
              <dgm:constr type="h" for="ch" forName="wedge6" refType="h" fact="0.84"/>
              <dgm:constr type="l" for="ch" forName="wedge6Tx" refType="w" fact="0.221"/>
              <dgm:constr type="t" for="ch" forName="wedge6Tx" refType="h" fact="0.1267"/>
              <dgm:constr type="w" for="ch" forName="wedge6Tx" refType="w" fact="0.245"/>
              <dgm:constr type="h" for="ch" forName="wedge6Tx" refType="h" fact="0.18"/>
              <dgm:constr type="primFontSz" for="ch" ptType="node" op="equ"/>
            </dgm:constrLst>
          </dgm:else>
        </dgm:choose>
      </dgm:if>
      <dgm:else name="Name19">
        <dgm:choose name="Name20">
          <dgm:if name="Name21" func="var" arg="dir" op="equ" val="norm">
            <dgm:constrLst>
              <dgm:constr type="l" for="ch" forName="wedge1" refType="w" fact="0.1017"/>
              <dgm:constr type="t" for="ch" forName="wedge1" refType="w" fact="0.035"/>
              <dgm:constr type="w" for="ch" forName="wedge1" refType="w" fact="0.84"/>
              <dgm:constr type="h" for="ch" forName="wedge1" refType="h" fact="0.84"/>
              <dgm:constr type="l" for="ch" forName="wedge1Tx" refType="w" fact="0.53"/>
              <dgm:constr type="t" for="ch" forName="wedge1Tx" refType="h" fact="0.115"/>
              <dgm:constr type="w" for="ch" forName="wedge1Tx" refType="w" fact="0.23"/>
              <dgm:constr type="h" for="ch" forName="wedge1Tx" refType="h" fact="0.145"/>
              <dgm:constr type="l" for="ch" forName="wedge2" refType="w" fact="0.08"/>
              <dgm:constr type="t" for="ch" forName="wedge2" refType="w" fact="0.08"/>
              <dgm:constr type="w" for="ch" forName="wedge2" refType="w" fact="0.84"/>
              <dgm:constr type="h" for="ch" forName="wedge2" refType="h" fact="0.84"/>
              <dgm:constr type="l" for="ch" forName="wedge2Tx" refType="w" fact="0.655"/>
              <dgm:constr type="t" for="ch" forName="wedge2Tx" refType="h" fact="0.38"/>
              <dgm:constr type="w" for="ch" forName="wedge2Tx" refType="w" fact="0.244"/>
              <dgm:constr type="h" for="ch" forName="wedge2Tx" refType="h" fact="0.155"/>
              <dgm:constr type="l" for="ch" forName="wedge3" refType="w" fact="0.08"/>
              <dgm:constr type="t" for="ch" forName="wedge3" refType="w" fact="0.08"/>
              <dgm:constr type="w" for="ch" forName="wedge3" refType="w" fact="0.84"/>
              <dgm:constr type="h" for="ch" forName="wedge3" refType="h" fact="0.84"/>
              <dgm:constr type="l" for="ch" forName="wedge3Tx" refType="w" fact="0.62"/>
              <dgm:constr type="t" for="ch" forName="wedge3Tx" refType="h" fact="0.58"/>
              <dgm:constr type="w" for="ch" forName="wedge3Tx" refType="w" fact="0.22"/>
              <dgm:constr type="h" for="ch" forName="wedge3Tx" refType="h" fact="0.16"/>
              <dgm:constr type="l" for="ch" forName="wedge4" refType="w" fact="0.08"/>
              <dgm:constr type="t" for="ch" forName="wedge4" refType="h" fact="0.08"/>
              <dgm:constr type="w" for="ch" forName="wedge4" refType="w" fact="0.84"/>
              <dgm:constr type="h" for="ch" forName="wedge4" refType="h" fact="0.84"/>
              <dgm:constr type="l" for="ch" forName="wedge4Tx" refType="w" fact="0.3875"/>
              <dgm:constr type="t" for="ch" forName="wedge4Tx" refType="h" fact="0.74"/>
              <dgm:constr type="w" for="ch" forName="wedge4Tx" refType="w" fact="0.225"/>
              <dgm:constr type="h" for="ch" forName="wedge4Tx" refType="h" fact="0.16"/>
              <dgm:constr type="l" for="ch" forName="wedge5" refType="w" fact="0.08"/>
              <dgm:constr type="t" for="ch" forName="wedge5" refType="h" fact="0.08"/>
              <dgm:constr type="w" for="ch" forName="wedge5" refType="w" fact="0.84"/>
              <dgm:constr type="h" for="ch" forName="wedge5" refType="h" fact="0.84"/>
              <dgm:constr type="l" for="ch" forName="wedge5Tx" refType="w" fact="0.16"/>
              <dgm:constr type="t" for="ch" forName="wedge5Tx" refType="h" fact="0.58"/>
              <dgm:constr type="w" for="ch" forName="wedge5Tx" refType="w" fact="0.22"/>
              <dgm:constr type="h" for="ch" forName="wedge5Tx" refType="h" fact="0.16"/>
              <dgm:constr type="l" for="ch" forName="wedge6" refType="w" fact="0.08"/>
              <dgm:constr type="t" for="ch" forName="wedge6" refType="h" fact="0.08"/>
              <dgm:constr type="w" for="ch" forName="wedge6" refType="w" fact="0.84"/>
              <dgm:constr type="h" for="ch" forName="wedge6" refType="h" fact="0.84"/>
              <dgm:constr type="l" for="ch" forName="wedge6Tx" refType="w" fact="0.101"/>
              <dgm:constr type="t" for="ch" forName="wedge6Tx" refType="h" fact="0.38"/>
              <dgm:constr type="w" for="ch" forName="wedge6Tx" refType="w" fact="0.244"/>
              <dgm:constr type="h" for="ch" forName="wedge6Tx" refType="h" fact="0.155"/>
              <dgm:constr type="l" for="ch" forName="wedge7" refType="w" fact="0.08"/>
              <dgm:constr type="t" for="ch" forName="wedge7" refType="h" fact="0.08"/>
              <dgm:constr type="w" for="ch" forName="wedge7" refType="w" fact="0.84"/>
              <dgm:constr type="h" for="ch" forName="wedge7" refType="h" fact="0.84"/>
              <dgm:constr type="l" for="ch" forName="wedge7Tx" refType="w" fact="0.262"/>
              <dgm:constr type="t" for="ch" forName="wedge7Tx" refType="h" fact="0.16"/>
              <dgm:constr type="w" for="ch" forName="wedge7Tx" refType="w" fact="0.23"/>
              <dgm:constr type="h" for="ch" forName="wedge7Tx" refType="h" fact="0.145"/>
              <dgm:constr type="primFontSz" for="ch" ptType="node" op="equ"/>
            </dgm:constrLst>
          </dgm:if>
          <dgm:else name="Name22">
            <dgm:constrLst>
              <dgm:constr type="l" for="ch" forName="wedge1" refType="w" fact="0.08"/>
              <dgm:constr type="t" for="ch" forName="wedge1" refType="w" fact="0.08"/>
              <dgm:constr type="w" for="ch" forName="wedge1" refType="w" fact="0.84"/>
              <dgm:constr type="h" for="ch" forName="wedge1" refType="h" fact="0.84"/>
              <dgm:constr type="l" for="ch" forName="wedge1Tx" refType="w" fact="0.508"/>
              <dgm:constr type="t" for="ch" forName="wedge1Tx" refType="h" fact="0.16"/>
              <dgm:constr type="w" for="ch" forName="wedge1Tx" refType="w" fact="0.23"/>
              <dgm:constr type="h" for="ch" forName="wedge1Tx" refType="h" fact="0.145"/>
              <dgm:constr type="l" for="ch" forName="wedge2" refType="w" fact="0.08"/>
              <dgm:constr type="t" for="ch" forName="wedge2" refType="w" fact="0.08"/>
              <dgm:constr type="w" for="ch" forName="wedge2" refType="w" fact="0.84"/>
              <dgm:constr type="h" for="ch" forName="wedge2" refType="h" fact="0.84"/>
              <dgm:constr type="l" for="ch" forName="wedge2Tx" refType="w" fact="0.655"/>
              <dgm:constr type="t" for="ch" forName="wedge2Tx" refType="h" fact="0.38"/>
              <dgm:constr type="w" for="ch" forName="wedge2Tx" refType="w" fact="0.244"/>
              <dgm:constr type="h" for="ch" forName="wedge2Tx" refType="h" fact="0.155"/>
              <dgm:constr type="l" for="ch" forName="wedge3" refType="w" fact="0.08"/>
              <dgm:constr type="t" for="ch" forName="wedge3" refType="w" fact="0.08"/>
              <dgm:constr type="w" for="ch" forName="wedge3" refType="w" fact="0.84"/>
              <dgm:constr type="h" for="ch" forName="wedge3" refType="h" fact="0.84"/>
              <dgm:constr type="l" for="ch" forName="wedge3Tx" refType="w" fact="0.62"/>
              <dgm:constr type="t" for="ch" forName="wedge3Tx" refType="h" fact="0.58"/>
              <dgm:constr type="w" for="ch" forName="wedge3Tx" refType="w" fact="0.22"/>
              <dgm:constr type="h" for="ch" forName="wedge3Tx" refType="h" fact="0.16"/>
              <dgm:constr type="l" for="ch" forName="wedge4" refType="w" fact="0.08"/>
              <dgm:constr type="t" for="ch" forName="wedge4" refType="h" fact="0.08"/>
              <dgm:constr type="w" for="ch" forName="wedge4" refType="w" fact="0.84"/>
              <dgm:constr type="h" for="ch" forName="wedge4" refType="h" fact="0.84"/>
              <dgm:constr type="l" for="ch" forName="wedge4Tx" refType="w" fact="0.3875"/>
              <dgm:constr type="t" for="ch" forName="wedge4Tx" refType="h" fact="0.74"/>
              <dgm:constr type="w" for="ch" forName="wedge4Tx" refType="w" fact="0.225"/>
              <dgm:constr type="h" for="ch" forName="wedge4Tx" refType="h" fact="0.16"/>
              <dgm:constr type="l" for="ch" forName="wedge5" refType="w" fact="0.08"/>
              <dgm:constr type="t" for="ch" forName="wedge5" refType="h" fact="0.08"/>
              <dgm:constr type="w" for="ch" forName="wedge5" refType="w" fact="0.84"/>
              <dgm:constr type="h" for="ch" forName="wedge5" refType="h" fact="0.84"/>
              <dgm:constr type="l" for="ch" forName="wedge5Tx" refType="w" fact="0.16"/>
              <dgm:constr type="t" for="ch" forName="wedge5Tx" refType="h" fact="0.58"/>
              <dgm:constr type="w" for="ch" forName="wedge5Tx" refType="w" fact="0.22"/>
              <dgm:constr type="h" for="ch" forName="wedge5Tx" refType="h" fact="0.16"/>
              <dgm:constr type="l" for="ch" forName="wedge6" refType="w" fact="0.08"/>
              <dgm:constr type="t" for="ch" forName="wedge6" refType="h" fact="0.08"/>
              <dgm:constr type="w" for="ch" forName="wedge6" refType="w" fact="0.84"/>
              <dgm:constr type="h" for="ch" forName="wedge6" refType="h" fact="0.84"/>
              <dgm:constr type="l" for="ch" forName="wedge6Tx" refType="w" fact="0.101"/>
              <dgm:constr type="t" for="ch" forName="wedge6Tx" refType="h" fact="0.38"/>
              <dgm:constr type="w" for="ch" forName="wedge6Tx" refType="w" fact="0.244"/>
              <dgm:constr type="h" for="ch" forName="wedge6Tx" refType="h" fact="0.155"/>
              <dgm:constr type="l" for="ch" forName="wedge7" refType="w" fact="0.0583"/>
              <dgm:constr type="t" for="ch" forName="wedge7" refType="h" fact="0.035"/>
              <dgm:constr type="w" for="ch" forName="wedge7" refType="w" fact="0.84"/>
              <dgm:constr type="h" for="ch" forName="wedge7" refType="h" fact="0.84"/>
              <dgm:constr type="l" for="ch" forName="wedge7Tx" refType="w" fact="0.2403"/>
              <dgm:constr type="t" for="ch" forName="wedge7Tx" refType="h" fact="0.115"/>
              <dgm:constr type="w" for="ch" forName="wedge7Tx" refType="w" fact="0.23"/>
              <dgm:constr type="h" for="ch" forName="wedge7Tx" refType="h" fact="0.145"/>
              <dgm:constr type="primFontSz" for="ch" ptType="node" op="equ"/>
            </dgm:constrLst>
          </dgm:else>
        </dgm:choose>
      </dgm:else>
    </dgm:choose>
    <dgm:ruleLst/>
    <dgm:choose name="Name23">
      <dgm:if name="Name24" axis="ch" ptType="node" func="cnt" op="gte" val="1">
        <dgm:layoutNode name="wedge1">
          <dgm:alg type="sp"/>
          <dgm:choose name="Name25">
            <dgm:if name="Name26" axis="ch" ptType="node" func="cnt" op="equ" val="1">
              <dgm:shape xmlns:r="http://schemas.openxmlformats.org/officeDocument/2006/relationships" type="ellipse" r:blip="">
                <dgm:adjLst/>
              </dgm:shape>
            </dgm:if>
            <dgm:if name="Name27" axis="ch" ptType="node" func="cnt" op="equ" val="2">
              <dgm:shape xmlns:r="http://schemas.openxmlformats.org/officeDocument/2006/relationships" type="pie" r:blip="">
                <dgm:adjLst>
                  <dgm:adj idx="1" val="270"/>
                  <dgm:adj idx="2" val="90"/>
                </dgm:adjLst>
              </dgm:shape>
            </dgm:if>
            <dgm:if name="Name28" axis="ch" ptType="node" func="cnt" op="equ" val="3">
              <dgm:shape xmlns:r="http://schemas.openxmlformats.org/officeDocument/2006/relationships" type="pie" r:blip="">
                <dgm:adjLst>
                  <dgm:adj idx="1" val="270"/>
                  <dgm:adj idx="2" val="30"/>
                </dgm:adjLst>
              </dgm:shape>
            </dgm:if>
            <dgm:if name="Name29" axis="ch" ptType="node" func="cnt" op="equ" val="4">
              <dgm:shape xmlns:r="http://schemas.openxmlformats.org/officeDocument/2006/relationships" type="pie" r:blip="">
                <dgm:adjLst>
                  <dgm:adj idx="1" val="270"/>
                  <dgm:adj idx="2" val="0"/>
                </dgm:adjLst>
              </dgm:shape>
            </dgm:if>
            <dgm:if name="Name30" axis="ch" ptType="node" func="cnt" op="equ" val="5">
              <dgm:shape xmlns:r="http://schemas.openxmlformats.org/officeDocument/2006/relationships" type="pie" r:blip="">
                <dgm:adjLst>
                  <dgm:adj idx="1" val="270"/>
                  <dgm:adj idx="2" val="342"/>
                </dgm:adjLst>
              </dgm:shape>
            </dgm:if>
            <dgm:if name="Name31" axis="ch" ptType="node" func="cnt" op="equ" val="6">
              <dgm:shape xmlns:r="http://schemas.openxmlformats.org/officeDocument/2006/relationships" type="pie" r:blip="">
                <dgm:adjLst>
                  <dgm:adj idx="1" val="270"/>
                  <dgm:adj idx="2" val="330"/>
                </dgm:adjLst>
              </dgm:shape>
            </dgm:if>
            <dgm:else name="Name32">
              <dgm:shape xmlns:r="http://schemas.openxmlformats.org/officeDocument/2006/relationships" type="pie" r:blip="">
                <dgm:adjLst>
                  <dgm:adj idx="1" val="270"/>
                  <dgm:adj idx="2" val="321.4286"/>
                </dgm:adjLst>
              </dgm:shape>
            </dgm:else>
          </dgm:choose>
          <dgm:choose name="Name33">
            <dgm:if name="Name34" func="var" arg="dir" op="equ" val="norm">
              <dgm:presOf axis="ch desOrSelf" ptType="node node" st="1 1" cnt="1 0"/>
            </dgm:if>
            <dgm:else name="Name35">
              <dgm:choose name="Name36">
                <dgm:if name="Name37" axis="ch" ptType="node" func="cnt" op="equ" val="1">
                  <dgm:presOf axis="ch desOrSelf" ptType="node node" st="1 1" cnt="1 0"/>
                </dgm:if>
                <dgm:if name="Name38" axis="ch" ptType="node" func="cnt" op="equ" val="2">
                  <dgm:presOf axis="ch desOrSelf" ptType="node node" st="2 1" cnt="1 0"/>
                </dgm:if>
                <dgm:if name="Name39" axis="ch" ptType="node" func="cnt" op="equ" val="3">
                  <dgm:presOf axis="ch desOrSelf" ptType="node node" st="3 1" cnt="1 0"/>
                </dgm:if>
                <dgm:if name="Name40" axis="ch" ptType="node" func="cnt" op="equ" val="4">
                  <dgm:presOf axis="ch desOrSelf" ptType="node node" st="4 1" cnt="1 0"/>
                </dgm:if>
                <dgm:if name="Name41" axis="ch" ptType="node" func="cnt" op="equ" val="5">
                  <dgm:presOf axis="ch desOrSelf" ptType="node node" st="5 1" cnt="1 0"/>
                </dgm:if>
                <dgm:if name="Name42" axis="ch" ptType="node" func="cnt" op="equ" val="6">
                  <dgm:presOf axis="ch desOrSelf" ptType="node node" st="6 1" cnt="1 0"/>
                </dgm:if>
                <dgm:else name="Name43">
                  <dgm:presOf axis="ch desOrSelf" ptType="node node" st="7 1" cnt="1 0"/>
                </dgm:else>
              </dgm:choose>
            </dgm:else>
          </dgm:choose>
          <dgm:constrLst/>
          <dgm:ruleLst/>
        </dgm:layoutNode>
        <dgm:layoutNode name="wedge1Tx" moveWith="wedge1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44">
            <dgm:if name="Name45" func="var" arg="dir" op="equ" val="norm">
              <dgm:presOf axis="ch desOrSelf" ptType="node node" st="1 1" cnt="1 0"/>
            </dgm:if>
            <dgm:else name="Name46">
              <dgm:choose name="Name47">
                <dgm:if name="Name48" axis="ch" ptType="node" func="cnt" op="equ" val="1">
                  <dgm:presOf axis="ch desOrSelf" ptType="node node" st="1 1" cnt="1 0"/>
                </dgm:if>
                <dgm:if name="Name49" axis="ch" ptType="node" func="cnt" op="equ" val="2">
                  <dgm:presOf axis="ch desOrSelf" ptType="node node" st="2 1" cnt="1 0"/>
                </dgm:if>
                <dgm:if name="Name50" axis="ch" ptType="node" func="cnt" op="equ" val="3">
                  <dgm:presOf axis="ch desOrSelf" ptType="node node" st="3 1" cnt="1 0"/>
                </dgm:if>
                <dgm:if name="Name51" axis="ch" ptType="node" func="cnt" op="equ" val="4">
                  <dgm:presOf axis="ch desOrSelf" ptType="node node" st="4 1" cnt="1 0"/>
                </dgm:if>
                <dgm:if name="Name52" axis="ch" ptType="node" func="cnt" op="equ" val="5">
                  <dgm:presOf axis="ch desOrSelf" ptType="node node" st="5 1" cnt="1 0"/>
                </dgm:if>
                <dgm:if name="Name53" axis="ch" ptType="node" func="cnt" op="equ" val="6">
                  <dgm:presOf axis="ch desOrSelf" ptType="node node" st="6 1" cnt="1 0"/>
                </dgm:if>
                <dgm:else name="Name54">
                  <dgm:presOf axis="ch desOrSelf" ptType="node node" st="7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55"/>
    </dgm:choose>
    <dgm:choose name="Name56">
      <dgm:if name="Name57" axis="ch" ptType="node" func="cnt" op="gte" val="2">
        <dgm:layoutNode name="wedge2">
          <dgm:alg type="sp"/>
          <dgm:choose name="Name58">
            <dgm:if name="Name59" axis="ch" ptType="node" func="cnt" op="equ" val="2">
              <dgm:shape xmlns:r="http://schemas.openxmlformats.org/officeDocument/2006/relationships" type="pie" r:blip="">
                <dgm:adjLst>
                  <dgm:adj idx="1" val="90"/>
                  <dgm:adj idx="2" val="270"/>
                </dgm:adjLst>
              </dgm:shape>
            </dgm:if>
            <dgm:if name="Name60" axis="ch" ptType="node" func="cnt" op="equ" val="3">
              <dgm:shape xmlns:r="http://schemas.openxmlformats.org/officeDocument/2006/relationships" type="pie" r:blip="">
                <dgm:adjLst>
                  <dgm:adj idx="1" val="30"/>
                  <dgm:adj idx="2" val="150"/>
                </dgm:adjLst>
              </dgm:shape>
            </dgm:if>
            <dgm:if name="Name61" axis="ch" ptType="node" func="cnt" op="equ" val="4">
              <dgm:shape xmlns:r="http://schemas.openxmlformats.org/officeDocument/2006/relationships" type="pie" r:blip="">
                <dgm:adjLst>
                  <dgm:adj idx="1" val="0"/>
                  <dgm:adj idx="2" val="90"/>
                </dgm:adjLst>
              </dgm:shape>
            </dgm:if>
            <dgm:if name="Name62" axis="ch" ptType="node" func="cnt" op="equ" val="5">
              <dgm:shape xmlns:r="http://schemas.openxmlformats.org/officeDocument/2006/relationships" type="pie" r:blip="">
                <dgm:adjLst>
                  <dgm:adj idx="1" val="342"/>
                  <dgm:adj idx="2" val="54"/>
                </dgm:adjLst>
              </dgm:shape>
            </dgm:if>
            <dgm:if name="Name63" axis="ch" ptType="node" func="cnt" op="equ" val="6">
              <dgm:shape xmlns:r="http://schemas.openxmlformats.org/officeDocument/2006/relationships" type="pie" r:blip="">
                <dgm:adjLst>
                  <dgm:adj idx="1" val="330"/>
                  <dgm:adj idx="2" val="30"/>
                </dgm:adjLst>
              </dgm:shape>
            </dgm:if>
            <dgm:else name="Name64">
              <dgm:shape xmlns:r="http://schemas.openxmlformats.org/officeDocument/2006/relationships" type="pie" r:blip="">
                <dgm:adjLst>
                  <dgm:adj idx="1" val="321.4286"/>
                  <dgm:adj idx="2" val="12.85714"/>
                </dgm:adjLst>
              </dgm:shape>
            </dgm:else>
          </dgm:choose>
          <dgm:choose name="Name65">
            <dgm:if name="Name66" func="var" arg="dir" op="equ" val="norm">
              <dgm:presOf axis="ch desOrSelf" ptType="node node" st="2 1" cnt="1 0"/>
            </dgm:if>
            <dgm:else name="Name67">
              <dgm:choose name="Name68">
                <dgm:if name="Name69" axis="ch" ptType="node" func="cnt" op="equ" val="2">
                  <dgm:presOf axis="ch desOrSelf" ptType="node node" st="1 1" cnt="1 0"/>
                </dgm:if>
                <dgm:if name="Name70" axis="ch" ptType="node" func="cnt" op="equ" val="3">
                  <dgm:presOf axis="ch desOrSelf" ptType="node node" st="2 1" cnt="1 0"/>
                </dgm:if>
                <dgm:if name="Name71" axis="ch" ptType="node" func="cnt" op="equ" val="4">
                  <dgm:presOf axis="ch desOrSelf" ptType="node node" st="3 1" cnt="1 0"/>
                </dgm:if>
                <dgm:if name="Name72" axis="ch" ptType="node" func="cnt" op="equ" val="5">
                  <dgm:presOf axis="ch desOrSelf" ptType="node node" st="4 1" cnt="1 0"/>
                </dgm:if>
                <dgm:if name="Name73" axis="ch" ptType="node" func="cnt" op="equ" val="6">
                  <dgm:presOf axis="ch desOrSelf" ptType="node node" st="5 1" cnt="1 0"/>
                </dgm:if>
                <dgm:else name="Name74">
                  <dgm:presOf axis="ch desOrSelf" ptType="node node" st="6 1" cnt="1 0"/>
                </dgm:else>
              </dgm:choose>
            </dgm:else>
          </dgm:choose>
          <dgm:constrLst/>
          <dgm:ruleLst/>
        </dgm:layoutNode>
        <dgm:layoutNode name="wedge2Tx" moveWith="wedge2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75">
            <dgm:if name="Name76" func="var" arg="dir" op="equ" val="norm">
              <dgm:presOf axis="ch desOrSelf" ptType="node node" st="2 1" cnt="1 0"/>
            </dgm:if>
            <dgm:else name="Name77">
              <dgm:choose name="Name78">
                <dgm:if name="Name79" axis="ch" ptType="node" func="cnt" op="equ" val="2">
                  <dgm:presOf axis="ch desOrSelf" ptType="node node" st="1 1" cnt="1 0"/>
                </dgm:if>
                <dgm:if name="Name80" axis="ch" ptType="node" func="cnt" op="equ" val="3">
                  <dgm:presOf axis="ch desOrSelf" ptType="node node" st="2 1" cnt="1 0"/>
                </dgm:if>
                <dgm:if name="Name81" axis="ch" ptType="node" func="cnt" op="equ" val="4">
                  <dgm:presOf axis="ch desOrSelf" ptType="node node" st="3 1" cnt="1 0"/>
                </dgm:if>
                <dgm:if name="Name82" axis="ch" ptType="node" func="cnt" op="equ" val="5">
                  <dgm:presOf axis="ch desOrSelf" ptType="node node" st="4 1" cnt="1 0"/>
                </dgm:if>
                <dgm:if name="Name83" axis="ch" ptType="node" func="cnt" op="equ" val="6">
                  <dgm:presOf axis="ch desOrSelf" ptType="node node" st="5 1" cnt="1 0"/>
                </dgm:if>
                <dgm:else name="Name84">
                  <dgm:presOf axis="ch desOrSelf" ptType="node node" st="6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85"/>
    </dgm:choose>
    <dgm:choose name="Name86">
      <dgm:if name="Name87" axis="ch" ptType="node" func="cnt" op="gte" val="3">
        <dgm:layoutNode name="wedge3">
          <dgm:alg type="sp"/>
          <dgm:choose name="Name88">
            <dgm:if name="Name89" axis="ch" ptType="node" func="cnt" op="equ" val="3">
              <dgm:shape xmlns:r="http://schemas.openxmlformats.org/officeDocument/2006/relationships" type="pie" r:blip="">
                <dgm:adjLst>
                  <dgm:adj idx="1" val="150"/>
                  <dgm:adj idx="2" val="270"/>
                </dgm:adjLst>
              </dgm:shape>
            </dgm:if>
            <dgm:if name="Name90" axis="ch" ptType="node" func="cnt" op="equ" val="4">
              <dgm:shape xmlns:r="http://schemas.openxmlformats.org/officeDocument/2006/relationships" type="pie" r:blip="">
                <dgm:adjLst>
                  <dgm:adj idx="1" val="90"/>
                  <dgm:adj idx="2" val="180"/>
                </dgm:adjLst>
              </dgm:shape>
            </dgm:if>
            <dgm:if name="Name91" axis="ch" ptType="node" func="cnt" op="equ" val="5">
              <dgm:shape xmlns:r="http://schemas.openxmlformats.org/officeDocument/2006/relationships" type="pie" r:blip="">
                <dgm:adjLst>
                  <dgm:adj idx="1" val="54"/>
                  <dgm:adj idx="2" val="126"/>
                </dgm:adjLst>
              </dgm:shape>
            </dgm:if>
            <dgm:if name="Name92" axis="ch" ptType="node" func="cnt" op="equ" val="6">
              <dgm:shape xmlns:r="http://schemas.openxmlformats.org/officeDocument/2006/relationships" type="pie" r:blip="">
                <dgm:adjLst>
                  <dgm:adj idx="1" val="30"/>
                  <dgm:adj idx="2" val="90"/>
                </dgm:adjLst>
              </dgm:shape>
            </dgm:if>
            <dgm:else name="Name93">
              <dgm:shape xmlns:r="http://schemas.openxmlformats.org/officeDocument/2006/relationships" type="pie" r:blip="">
                <dgm:adjLst>
                  <dgm:adj idx="1" val="12.85714"/>
                  <dgm:adj idx="2" val="64.28571"/>
                </dgm:adjLst>
              </dgm:shape>
            </dgm:else>
          </dgm:choose>
          <dgm:choose name="Name94">
            <dgm:if name="Name95" func="var" arg="dir" op="equ" val="norm">
              <dgm:presOf axis="ch desOrSelf" ptType="node node" st="3 1" cnt="1 0"/>
            </dgm:if>
            <dgm:else name="Name96">
              <dgm:choose name="Name97">
                <dgm:if name="Name98" axis="ch" ptType="node" func="cnt" op="equ" val="3">
                  <dgm:presOf axis="ch desOrSelf" ptType="node node" st="1 1" cnt="1 0"/>
                </dgm:if>
                <dgm:if name="Name99" axis="ch" ptType="node" func="cnt" op="equ" val="4">
                  <dgm:presOf axis="ch desOrSelf" ptType="node node" st="2 1" cnt="1 0"/>
                </dgm:if>
                <dgm:if name="Name100" axis="ch" ptType="node" func="cnt" op="equ" val="5">
                  <dgm:presOf axis="ch desOrSelf" ptType="node node" st="3 1" cnt="1 0"/>
                </dgm:if>
                <dgm:if name="Name101" axis="ch" ptType="node" func="cnt" op="equ" val="6">
                  <dgm:presOf axis="ch desOrSelf" ptType="node node" st="4 1" cnt="1 0"/>
                </dgm:if>
                <dgm:else name="Name102">
                  <dgm:presOf axis="ch desOrSelf" ptType="node node" st="5 1" cnt="1 0"/>
                </dgm:else>
              </dgm:choose>
            </dgm:else>
          </dgm:choose>
          <dgm:constrLst/>
          <dgm:ruleLst/>
        </dgm:layoutNode>
        <dgm:layoutNode name="wedge3Tx" moveWith="wedge3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03">
            <dgm:if name="Name104" func="var" arg="dir" op="equ" val="norm">
              <dgm:presOf axis="ch desOrSelf" ptType="node node" st="3 1" cnt="1 0"/>
            </dgm:if>
            <dgm:else name="Name105">
              <dgm:choose name="Name106">
                <dgm:if name="Name107" axis="ch" ptType="node" func="cnt" op="equ" val="3">
                  <dgm:presOf axis="ch desOrSelf" ptType="node node" st="1 1" cnt="1 0"/>
                </dgm:if>
                <dgm:if name="Name108" axis="ch" ptType="node" func="cnt" op="equ" val="4">
                  <dgm:presOf axis="ch desOrSelf" ptType="node node" st="2 1" cnt="1 0"/>
                </dgm:if>
                <dgm:if name="Name109" axis="ch" ptType="node" func="cnt" op="equ" val="5">
                  <dgm:presOf axis="ch desOrSelf" ptType="node node" st="3 1" cnt="1 0"/>
                </dgm:if>
                <dgm:if name="Name110" axis="ch" ptType="node" func="cnt" op="equ" val="6">
                  <dgm:presOf axis="ch desOrSelf" ptType="node node" st="4 1" cnt="1 0"/>
                </dgm:if>
                <dgm:else name="Name111">
                  <dgm:presOf axis="ch desOrSelf" ptType="node node" st="5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12"/>
    </dgm:choose>
    <dgm:choose name="Name113">
      <dgm:if name="Name114" axis="ch" ptType="node" func="cnt" op="gte" val="4">
        <dgm:layoutNode name="wedge4">
          <dgm:alg type="sp"/>
          <dgm:choose name="Name115">
            <dgm:if name="Name116" axis="ch" ptType="node" func="cnt" op="equ" val="4">
              <dgm:shape xmlns:r="http://schemas.openxmlformats.org/officeDocument/2006/relationships" type="pie" r:blip="">
                <dgm:adjLst>
                  <dgm:adj idx="1" val="180"/>
                  <dgm:adj idx="2" val="270"/>
                </dgm:adjLst>
              </dgm:shape>
            </dgm:if>
            <dgm:if name="Name117" axis="ch" ptType="node" func="cnt" op="equ" val="5">
              <dgm:shape xmlns:r="http://schemas.openxmlformats.org/officeDocument/2006/relationships" type="pie" r:blip="">
                <dgm:adjLst>
                  <dgm:adj idx="1" val="126"/>
                  <dgm:adj idx="2" val="198"/>
                </dgm:adjLst>
              </dgm:shape>
            </dgm:if>
            <dgm:if name="Name118" axis="ch" ptType="node" func="cnt" op="equ" val="6">
              <dgm:shape xmlns:r="http://schemas.openxmlformats.org/officeDocument/2006/relationships" type="pie" r:blip="">
                <dgm:adjLst>
                  <dgm:adj idx="1" val="90"/>
                  <dgm:adj idx="2" val="150"/>
                </dgm:adjLst>
              </dgm:shape>
            </dgm:if>
            <dgm:else name="Name119">
              <dgm:shape xmlns:r="http://schemas.openxmlformats.org/officeDocument/2006/relationships" type="pie" r:blip="">
                <dgm:adjLst>
                  <dgm:adj idx="1" val="64.2871"/>
                  <dgm:adj idx="2" val="115.7143"/>
                </dgm:adjLst>
              </dgm:shape>
            </dgm:else>
          </dgm:choose>
          <dgm:choose name="Name120">
            <dgm:if name="Name121" func="var" arg="dir" op="equ" val="norm">
              <dgm:presOf axis="ch desOrSelf" ptType="node node" st="4 1" cnt="1 0"/>
            </dgm:if>
            <dgm:else name="Name122">
              <dgm:choose name="Name123">
                <dgm:if name="Name124" axis="ch" ptType="node" func="cnt" op="equ" val="4">
                  <dgm:presOf axis="ch desOrSelf" ptType="node node" st="1 1" cnt="1 0"/>
                </dgm:if>
                <dgm:if name="Name125" axis="ch" ptType="node" func="cnt" op="equ" val="5">
                  <dgm:presOf axis="ch desOrSelf" ptType="node node" st="2 1" cnt="1 0"/>
                </dgm:if>
                <dgm:if name="Name126" axis="ch" ptType="node" func="cnt" op="equ" val="6">
                  <dgm:presOf axis="ch desOrSelf" ptType="node node" st="3 1" cnt="1 0"/>
                </dgm:if>
                <dgm:else name="Name127">
                  <dgm:presOf axis="ch desOrSelf" ptType="node node" st="4 1" cnt="1 0"/>
                </dgm:else>
              </dgm:choose>
            </dgm:else>
          </dgm:choose>
          <dgm:constrLst/>
          <dgm:ruleLst/>
        </dgm:layoutNode>
        <dgm:layoutNode name="wedge4Tx" moveWith="wedge4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28">
            <dgm:if name="Name129" func="var" arg="dir" op="equ" val="norm">
              <dgm:presOf axis="ch desOrSelf" ptType="node node" st="4 1" cnt="1 0"/>
            </dgm:if>
            <dgm:else name="Name130">
              <dgm:choose name="Name131">
                <dgm:if name="Name132" axis="ch" ptType="node" func="cnt" op="equ" val="4">
                  <dgm:presOf axis="ch desOrSelf" ptType="node node" st="1 1" cnt="1 0"/>
                </dgm:if>
                <dgm:if name="Name133" axis="ch" ptType="node" func="cnt" op="equ" val="5">
                  <dgm:presOf axis="ch desOrSelf" ptType="node node" st="2 1" cnt="1 0"/>
                </dgm:if>
                <dgm:if name="Name134" axis="ch" ptType="node" func="cnt" op="equ" val="6">
                  <dgm:presOf axis="ch desOrSelf" ptType="node node" st="3 1" cnt="1 0"/>
                </dgm:if>
                <dgm:else name="Name135">
                  <dgm:presOf axis="ch desOrSelf" ptType="node node" st="4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36"/>
    </dgm:choose>
    <dgm:choose name="Name137">
      <dgm:if name="Name138" axis="ch" ptType="node" func="cnt" op="gte" val="5">
        <dgm:layoutNode name="wedge5">
          <dgm:alg type="sp"/>
          <dgm:choose name="Name139">
            <dgm:if name="Name140" axis="ch" ptType="node" func="cnt" op="equ" val="5">
              <dgm:shape xmlns:r="http://schemas.openxmlformats.org/officeDocument/2006/relationships" type="pie" r:blip="">
                <dgm:adjLst>
                  <dgm:adj idx="1" val="198"/>
                  <dgm:adj idx="2" val="270"/>
                </dgm:adjLst>
              </dgm:shape>
            </dgm:if>
            <dgm:if name="Name141" axis="ch" ptType="node" func="cnt" op="equ" val="6">
              <dgm:shape xmlns:r="http://schemas.openxmlformats.org/officeDocument/2006/relationships" type="pie" r:blip="">
                <dgm:adjLst>
                  <dgm:adj idx="1" val="150"/>
                  <dgm:adj idx="2" val="210"/>
                </dgm:adjLst>
              </dgm:shape>
            </dgm:if>
            <dgm:else name="Name142">
              <dgm:shape xmlns:r="http://schemas.openxmlformats.org/officeDocument/2006/relationships" type="pie" r:blip="">
                <dgm:adjLst>
                  <dgm:adj idx="1" val="115.7143"/>
                  <dgm:adj idx="2" val="167.1429"/>
                </dgm:adjLst>
              </dgm:shape>
            </dgm:else>
          </dgm:choose>
          <dgm:choose name="Name143">
            <dgm:if name="Name144" func="var" arg="dir" op="equ" val="norm">
              <dgm:presOf axis="ch desOrSelf" ptType="node node" st="5 1" cnt="1 0"/>
            </dgm:if>
            <dgm:else name="Name145">
              <dgm:choose name="Name146">
                <dgm:if name="Name147" axis="ch" ptType="node" func="cnt" op="equ" val="5">
                  <dgm:presOf axis="ch desOrSelf" ptType="node node" st="1 1" cnt="1 0"/>
                </dgm:if>
                <dgm:if name="Name148" axis="ch" ptType="node" func="cnt" op="equ" val="6">
                  <dgm:presOf axis="ch desOrSelf" ptType="node node" st="2 1" cnt="1 0"/>
                </dgm:if>
                <dgm:else name="Name149">
                  <dgm:presOf axis="ch desOrSelf" ptType="node node" st="3 1" cnt="1 0"/>
                </dgm:else>
              </dgm:choose>
            </dgm:else>
          </dgm:choose>
          <dgm:constrLst/>
          <dgm:ruleLst/>
        </dgm:layoutNode>
        <dgm:layoutNode name="wedge5Tx" moveWith="wedge5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50">
            <dgm:if name="Name151" func="var" arg="dir" op="equ" val="norm">
              <dgm:presOf axis="ch desOrSelf" ptType="node node" st="5 1" cnt="1 0"/>
            </dgm:if>
            <dgm:else name="Name152">
              <dgm:choose name="Name153">
                <dgm:if name="Name154" axis="ch" ptType="node" func="cnt" op="equ" val="5">
                  <dgm:presOf axis="ch desOrSelf" ptType="node node" st="1 1" cnt="1 0"/>
                </dgm:if>
                <dgm:if name="Name155" axis="ch" ptType="node" func="cnt" op="equ" val="6">
                  <dgm:presOf axis="ch desOrSelf" ptType="node node" st="2 1" cnt="1 0"/>
                </dgm:if>
                <dgm:else name="Name156">
                  <dgm:presOf axis="ch desOrSelf" ptType="node node" st="3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57"/>
    </dgm:choose>
    <dgm:choose name="Name158">
      <dgm:if name="Name159" axis="ch" ptType="node" func="cnt" op="gte" val="6">
        <dgm:layoutNode name="wedge6">
          <dgm:alg type="sp"/>
          <dgm:choose name="Name160">
            <dgm:if name="Name161" axis="ch" ptType="node" func="cnt" op="equ" val="6">
              <dgm:shape xmlns:r="http://schemas.openxmlformats.org/officeDocument/2006/relationships" type="pie" r:blip="">
                <dgm:adjLst>
                  <dgm:adj idx="1" val="210"/>
                  <dgm:adj idx="2" val="270"/>
                </dgm:adjLst>
              </dgm:shape>
            </dgm:if>
            <dgm:else name="Name162">
              <dgm:shape xmlns:r="http://schemas.openxmlformats.org/officeDocument/2006/relationships" type="pie" r:blip="">
                <dgm:adjLst>
                  <dgm:adj idx="1" val="167.1429"/>
                  <dgm:adj idx="2" val="218.5714"/>
                </dgm:adjLst>
              </dgm:shape>
            </dgm:else>
          </dgm:choose>
          <dgm:choose name="Name163">
            <dgm:if name="Name164" func="var" arg="dir" op="equ" val="norm">
              <dgm:presOf axis="ch desOrSelf" ptType="node node" st="6 1" cnt="1 0"/>
            </dgm:if>
            <dgm:else name="Name165">
              <dgm:choose name="Name166">
                <dgm:if name="Name167" axis="ch" ptType="node" func="cnt" op="equ" val="6">
                  <dgm:presOf axis="ch desOrSelf" ptType="node node" st="1 1" cnt="1 0"/>
                </dgm:if>
                <dgm:else name="Name168">
                  <dgm:presOf axis="ch desOrSelf" ptType="node node" st="2 1" cnt="1 0"/>
                </dgm:else>
              </dgm:choose>
            </dgm:else>
          </dgm:choose>
          <dgm:constrLst/>
          <dgm:ruleLst/>
        </dgm:layoutNode>
        <dgm:layoutNode name="wedge6Tx" moveWith="wedge6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69">
            <dgm:if name="Name170" func="var" arg="dir" op="equ" val="norm">
              <dgm:presOf axis="ch desOrSelf" ptType="node node" st="6 1" cnt="1 0"/>
            </dgm:if>
            <dgm:else name="Name171">
              <dgm:choose name="Name172">
                <dgm:if name="Name173" axis="ch" ptType="node" func="cnt" op="equ" val="6">
                  <dgm:presOf axis="ch desOrSelf" ptType="node node" st="1 1" cnt="1 0"/>
                </dgm:if>
                <dgm:else name="Name174">
                  <dgm:presOf axis="ch desOrSelf" ptType="node node" st="2 1" cnt="1 0"/>
                </dgm:else>
              </dgm:choose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75"/>
    </dgm:choose>
    <dgm:choose name="Name176">
      <dgm:if name="Name177" axis="ch" ptType="node" func="cnt" op="gte" val="7">
        <dgm:layoutNode name="wedge7">
          <dgm:alg type="sp"/>
          <dgm:shape xmlns:r="http://schemas.openxmlformats.org/officeDocument/2006/relationships" type="pie" r:blip="">
            <dgm:adjLst>
              <dgm:adj idx="1" val="218.5714"/>
              <dgm:adj idx="2" val="270"/>
            </dgm:adjLst>
          </dgm:shape>
          <dgm:choose name="Name178">
            <dgm:if name="Name179" func="var" arg="dir" op="equ" val="norm">
              <dgm:presOf axis="ch desOrSelf" ptType="node node" st="7 1" cnt="1 0"/>
            </dgm:if>
            <dgm:else name="Name180">
              <dgm:presOf axis="ch desOrSelf" ptType="node node" st="1 1" cnt="1 0"/>
            </dgm:else>
          </dgm:choose>
          <dgm:constrLst/>
          <dgm:ruleLst/>
        </dgm:layoutNode>
        <dgm:layoutNode name="wedge7Tx" moveWith="wedge7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 hideGeom="1">
            <dgm:adjLst/>
          </dgm:shape>
          <dgm:choose name="Name181">
            <dgm:if name="Name182" func="var" arg="dir" op="equ" val="norm">
              <dgm:presOf axis="ch desOrSelf" ptType="node node" st="7 1" cnt="1 0"/>
            </dgm:if>
            <dgm:else name="Name183">
              <dgm:presOf axis="ch desOrSelf" ptType="node node" st="1 1" cnt="1 0"/>
            </dgm:else>
          </dgm:choose>
          <dgm:constrLst>
            <dgm:constr type="tMarg" refType="primFontSz" fact="0.1"/>
            <dgm:constr type="bMarg" refType="primFontSz" fact="0.1"/>
            <dgm:constr type="lMarg" refType="primFontSz" fact="0.1"/>
            <dgm:constr type="rMarg" refType="primFontSz" fact="0.1"/>
            <dgm:constr type="primFontSz" val="65"/>
          </dgm:constrLst>
          <dgm:ruleLst>
            <dgm:rule type="primFontSz" val="5" fact="NaN" max="NaN"/>
          </dgm:ruleLst>
        </dgm:layoutNode>
      </dgm:if>
      <dgm:else name="Name184"/>
    </dgm:choos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hierarchy1">
  <dgm:title val=""/>
  <dgm:desc val=""/>
  <dgm:catLst>
    <dgm:cat type="hierarchy" pri="2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" destId="22" srcOrd="1" destOrd="0"/>
        <dgm:cxn modelId="33" srcId="3" destId="31" srcOrd="0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</dgm:ptLst>
      <dgm:cxnLst>
        <dgm:cxn modelId="2" srcId="0" destId="1" srcOrd="0" destOrd="0"/>
        <dgm:cxn modelId="13" srcId="1" destId="11" srcOrd="0" destOrd="0"/>
        <dgm:cxn modelId="14" srcId="1" destId="1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21"/>
        <dgm:pt modelId="211"/>
        <dgm:pt modelId="3"/>
        <dgm:pt modelId="31"/>
        <dgm:pt modelId="311"/>
      </dgm:ptLst>
      <dgm:cxnLst>
        <dgm:cxn modelId="4" srcId="0" destId="1" srcOrd="0" destOrd="0"/>
        <dgm:cxn modelId="5" srcId="1" destId="2" srcOrd="0" destOrd="0"/>
        <dgm:cxn modelId="6" srcId="1" destId="3" srcOrd="1" destOrd="0"/>
        <dgm:cxn modelId="23" srcId="2" destId="21" srcOrd="0" destOrd="0"/>
        <dgm:cxn modelId="24" srcId="21" destId="211" srcOrd="0" destOrd="0"/>
        <dgm:cxn modelId="33" srcId="3" destId="31" srcOrd="0" destOrd="0"/>
        <dgm:cxn modelId="34" srcId="31" destId="311" srcOrd="0" destOrd="0"/>
      </dgm:cxnLst>
      <dgm:bg/>
      <dgm:whole/>
    </dgm:dataModel>
  </dgm:clrData>
  <dgm:layoutNode name="hierChild1">
    <dgm:varLst>
      <dgm:chPref val="1"/>
      <dgm:dir/>
      <dgm:animOne val="branch"/>
      <dgm:animLvl val="lvl"/>
      <dgm:resizeHandles/>
    </dgm:varLst>
    <dgm:choose name="Name0">
      <dgm:if name="Name1" func="var" arg="dir" op="equ" val="norm">
        <dgm:alg type="hierChild">
          <dgm:param type="linDir" val="fromL"/>
        </dgm:alg>
      </dgm:if>
      <dgm:else name="Name2">
        <dgm:alg type="hierChild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primFontSz" for="des" ptType="node" op="equ" val="65"/>
      <dgm:constr type="w" for="des" forName="composite" refType="w"/>
      <dgm:constr type="h" for="des" forName="composite" refType="w" refFor="des" refForName="composite" fact="0.667"/>
      <dgm:constr type="w" for="des" forName="composite2" refType="w" refFor="des" refForName="composite"/>
      <dgm:constr type="h" for="des" forName="composite2" refType="h" refFor="des" refForName="composite"/>
      <dgm:constr type="w" for="des" forName="composite3" refType="w" refFor="des" refForName="composite"/>
      <dgm:constr type="h" for="des" forName="composite3" refType="h" refFor="des" refForName="composite"/>
      <dgm:constr type="w" for="des" forName="composite4" refType="w" refFor="des" refForName="composite"/>
      <dgm:constr type="h" for="des" forName="composite4" refType="h" refFor="des" refForName="composite"/>
      <dgm:constr type="w" for="des" forName="composite5" refType="w" refFor="des" refForName="composite"/>
      <dgm:constr type="h" for="des" forName="composite5" refType="h" refFor="des" refForName="composite"/>
      <dgm:constr type="sibSp" refType="w" refFor="des" refForName="composite" fact="0.1"/>
      <dgm:constr type="sibSp" for="des" forName="hierChild2" refType="sibSp"/>
      <dgm:constr type="sibSp" for="des" forName="hierChild3" refType="sibSp"/>
      <dgm:constr type="sibSp" for="des" forName="hierChild4" refType="sibSp"/>
      <dgm:constr type="sibSp" for="des" forName="hierChild5" refType="sibSp"/>
      <dgm:constr type="sibSp" for="des" forName="hierChild6" refType="sibSp"/>
      <dgm:constr type="sp" for="des" forName="hierRoot1" refType="h" refFor="des" refForName="composite" fact="0.25"/>
      <dgm:constr type="sp" for="des" forName="hierRoot2" refType="sp" refFor="des" refForName="hierRoot1"/>
      <dgm:constr type="sp" for="des" forName="hierRoot3" refType="sp" refFor="des" refForName="hierRoot1"/>
      <dgm:constr type="sp" for="des" forName="hierRoot4" refType="sp" refFor="des" refForName="hierRoot1"/>
      <dgm:constr type="sp" for="des" forName="hierRoot5" refType="sp" refFor="des" refForName="hierRoot1"/>
    </dgm:constrLst>
    <dgm:ruleLst/>
    <dgm:forEach name="Name3" axis="ch">
      <dgm:forEach name="Name4" axis="self" ptType="node">
        <dgm:layoutNode name="hierRoot1">
          <dgm:alg type="hierRoot"/>
          <dgm:shape xmlns:r="http://schemas.openxmlformats.org/officeDocument/2006/relationships" r:blip="">
            <dgm:adjLst/>
          </dgm:shape>
          <dgm:presOf/>
          <dgm:constrLst>
            <dgm:constr type="bendDist" for="des" ptType="parTrans" refType="sp" fact="0.5"/>
          </dgm:constrLst>
          <dgm:ruleLst/>
          <dgm:layoutNode name="composite">
            <dgm:alg type="composite"/>
            <dgm:shape xmlns:r="http://schemas.openxmlformats.org/officeDocument/2006/relationships" r:blip="">
              <dgm:adjLst/>
            </dgm:shape>
            <dgm:presOf/>
            <dgm:constrLst>
              <dgm:constr type="w" for="ch" forName="background" refType="w" fact="0.9"/>
              <dgm:constr type="h" for="ch" forName="background" refType="w" refFor="ch" refForName="background" fact="0.635"/>
              <dgm:constr type="t" for="ch" forName="background"/>
              <dgm:constr type="l" for="ch" forName="background"/>
              <dgm:constr type="w" for="ch" forName="text" refType="w" fact="0.9"/>
              <dgm:constr type="h" for="ch" forName="text" refType="w" refFor="ch" refForName="text" fact="0.635"/>
              <dgm:constr type="t" for="ch" forName="text" refType="w" fact="0.095"/>
              <dgm:constr type="l" for="ch" forName="text" refType="w" fact="0.1"/>
            </dgm:constrLst>
            <dgm:ruleLst/>
            <dgm:layoutNode name="background" styleLbl="node0" moveWith="text"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/>
              <dgm:constrLst/>
              <dgm:ruleLst/>
            </dgm:layoutNode>
            <dgm:layoutNode name="text" styleLbl="fgAcc0">
              <dgm:varLst>
                <dgm:chPref val="3"/>
              </dgm:varLst>
              <dgm:alg type="tx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self"/>
              <dgm:constrLst>
                <dgm:constr type="tMarg" refType="primFontSz" fact="0.3"/>
                <dgm:constr type="bMarg" refType="primFontSz" fact="0.3"/>
                <dgm:constr type="lMarg" refType="primFontSz" fact="0.3"/>
                <dgm:constr type="rMarg" refType="primFontSz" fact="0.3"/>
              </dgm:constrLst>
              <dgm:ruleLst>
                <dgm:rule type="primFontSz" val="5" fact="NaN" max="NaN"/>
              </dgm:ruleLst>
            </dgm:layoutNode>
          </dgm:layoutNode>
          <dgm:layoutNode name="hierChild2">
            <dgm:choose name="Name5">
              <dgm:if name="Name6" func="var" arg="dir" op="equ" val="norm">
                <dgm:alg type="hierChild">
                  <dgm:param type="linDir" val="fromL"/>
                </dgm:alg>
              </dgm:if>
              <dgm:else name="Name7">
                <dgm:alg type="hierChild">
                  <dgm:param type="linDir" val="fromR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Name8" axis="ch">
              <dgm:forEach name="Name9" axis="self" ptType="parTrans" cnt="1">
                <dgm:layoutNode name="Name10">
                  <dgm:alg type="conn">
                    <dgm:param type="dim" val="1D"/>
                    <dgm:param type="endSty" val="noArr"/>
                    <dgm:param type="connRout" val="bend"/>
                    <dgm:param type="bendPt" val="end"/>
                    <dgm:param type="begPts" val="bCtr"/>
                    <dgm:param type="endPts" val="tCtr"/>
                    <dgm:param type="srcNode" val="background"/>
                    <dgm:param type="dstNode" val="background2"/>
                  </dgm:alg>
                  <dgm:shape xmlns:r="http://schemas.openxmlformats.org/officeDocument/2006/relationships" type="conn" r:blip="" zOrderOff="-999">
                    <dgm:adjLst/>
                  </dgm:shape>
                  <dgm:presOf axis="self"/>
                  <dgm:constrLst>
                    <dgm:constr type="begPad"/>
                    <dgm:constr type="endPad"/>
                  </dgm:constrLst>
                  <dgm:ruleLst/>
                </dgm:layoutNode>
              </dgm:forEach>
              <dgm:forEach name="Name11" axis="self" ptType="node">
                <dgm:layoutNode name="hierRoot2">
                  <dgm:alg type="hierRoot"/>
                  <dgm:shape xmlns:r="http://schemas.openxmlformats.org/officeDocument/2006/relationships" r:blip="">
                    <dgm:adjLst/>
                  </dgm:shape>
                  <dgm:presOf/>
                  <dgm:constrLst>
                    <dgm:constr type="bendDist" for="des" ptType="parTrans" refType="sp" fact="0.5"/>
                  </dgm:constrLst>
                  <dgm:ruleLst/>
                  <dgm:layoutNode name="composite2">
                    <dgm:alg type="composite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w" for="ch" forName="background2" refType="w" fact="0.9"/>
                      <dgm:constr type="h" for="ch" forName="background2" refType="w" refFor="ch" refForName="background2" fact="0.635"/>
                      <dgm:constr type="t" for="ch" forName="background2"/>
                      <dgm:constr type="l" for="ch" forName="background2"/>
                      <dgm:constr type="w" for="ch" forName="text2" refType="w" fact="0.9"/>
                      <dgm:constr type="h" for="ch" forName="text2" refType="w" refFor="ch" refForName="text2" fact="0.635"/>
                      <dgm:constr type="t" for="ch" forName="text2" refType="w" fact="0.095"/>
                      <dgm:constr type="l" for="ch" forName="text2" refType="w" fact="0.1"/>
                    </dgm:constrLst>
                    <dgm:ruleLst/>
                    <dgm:layoutNode name="background2" moveWith="text2"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/>
                      <dgm:constrLst/>
                      <dgm:ruleLst/>
                    </dgm:layoutNode>
                    <dgm:layoutNode name="text2" styleLbl="fgAcc2">
                      <dgm:varLst>
                        <dgm:chPref val="3"/>
                      </dgm:varLst>
                      <dgm:alg type="tx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self"/>
                      <dgm:constrLst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</dgm:layoutNode>
                  <dgm:layoutNode name="hierChild3">
                    <dgm:choose name="Name12">
                      <dgm:if name="Name13" func="var" arg="dir" op="equ" val="norm">
                        <dgm:alg type="hierChild">
                          <dgm:param type="linDir" val="fromL"/>
                        </dgm:alg>
                      </dgm:if>
                      <dgm:else name="Name14">
                        <dgm:alg type="hierChild">
                          <dgm:param type="linDir" val="fromR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constrLst/>
                    <dgm:ruleLst/>
                    <dgm:forEach name="Name15" axis="ch">
                      <dgm:forEach name="Name16" axis="self" ptType="parTrans" cnt="1">
                        <dgm:layoutNode name="Name17">
                          <dgm:alg type="conn">
                            <dgm:param type="dim" val="1D"/>
                            <dgm:param type="endSty" val="noArr"/>
                            <dgm:param type="connRout" val="bend"/>
                            <dgm:param type="bendPt" val="end"/>
                            <dgm:param type="begPts" val="bCtr"/>
                            <dgm:param type="endPts" val="tCtr"/>
                            <dgm:param type="srcNode" val="background2"/>
                            <dgm:param type="dstNode" val="background3"/>
                          </dgm:alg>
                          <dgm:shape xmlns:r="http://schemas.openxmlformats.org/officeDocument/2006/relationships" type="conn" r:blip="" zOrderOff="-999">
                            <dgm:adjLst/>
                          </dgm:shape>
                          <dgm:presOf axis="self"/>
                          <dgm:constrLst>
                            <dgm:constr type="begPad"/>
                            <dgm:constr type="endPad"/>
                          </dgm:constrLst>
                          <dgm:ruleLst/>
                        </dgm:layoutNode>
                      </dgm:forEach>
                      <dgm:forEach name="Name18" axis="self" ptType="node">
                        <dgm:layoutNode name="hierRoot3">
                          <dgm:alg type="hierRoot"/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constrLst>
                            <dgm:constr type="bendDist" for="des" ptType="parTrans" refType="sp" fact="0.5"/>
                          </dgm:constrLst>
                          <dgm:ruleLst/>
                          <dgm:layoutNode name="composite3">
                            <dgm:alg type="composite"/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w" for="ch" forName="background3" refType="w" fact="0.9"/>
                              <dgm:constr type="h" for="ch" forName="background3" refType="w" refFor="ch" refForName="background3" fact="0.635"/>
                              <dgm:constr type="t" for="ch" forName="background3"/>
                              <dgm:constr type="l" for="ch" forName="background3"/>
                              <dgm:constr type="w" for="ch" forName="text3" refType="w" fact="0.9"/>
                              <dgm:constr type="h" for="ch" forName="text3" refType="w" refFor="ch" refForName="text3" fact="0.635"/>
                              <dgm:constr type="t" for="ch" forName="text3" refType="w" fact="0.095"/>
                              <dgm:constr type="l" for="ch" forName="text3" refType="w" fact="0.1"/>
                            </dgm:constrLst>
                            <dgm:ruleLst/>
                            <dgm:layoutNode name="background3" moveWith="text3">
                              <dgm:alg type="sp"/>
                              <dgm:shape xmlns:r="http://schemas.openxmlformats.org/officeDocument/2006/relationships" type="roundRect" r:blip="">
                                <dgm:adjLst>
                                  <dgm:adj idx="1" val="0.1"/>
                                </dgm:adjLst>
                              </dgm:shape>
                              <dgm:presOf/>
                              <dgm:constrLst/>
                              <dgm:ruleLst/>
                            </dgm:layoutNode>
                            <dgm:layoutNode name="text3" styleLbl="fgAcc3">
                              <dgm:varLst>
                                <dgm:chPref val="3"/>
                              </dgm:varLst>
                              <dgm:alg type="tx"/>
                              <dgm:shape xmlns:r="http://schemas.openxmlformats.org/officeDocument/2006/relationships" type="roundRect" r:blip="">
                                <dgm:adjLst>
                                  <dgm:adj idx="1" val="0.1"/>
                                </dgm:adjLst>
                              </dgm:shape>
                              <dgm:presOf axis="self"/>
                              <dgm:constrLst>
                                <dgm:constr type="tMarg" refType="primFontSz" fact="0.3"/>
                                <dgm:constr type="bMarg" refType="primFontSz" fact="0.3"/>
                                <dgm:constr type="lMarg" refType="primFontSz" fact="0.3"/>
                                <dgm:constr type="rMarg" refType="primFontSz" fact="0.3"/>
                              </dgm:constrLst>
                              <dgm:ruleLst>
                                <dgm:rule type="primFontSz" val="5" fact="NaN" max="NaN"/>
                              </dgm:ruleLst>
                            </dgm:layoutNode>
                          </dgm:layoutNode>
                          <dgm:layoutNode name="hierChild4">
                            <dgm:choose name="Name19">
                              <dgm:if name="Name20" func="var" arg="dir" op="equ" val="norm">
                                <dgm:alg type="hierChild">
                                  <dgm:param type="linDir" val="fromL"/>
                                </dgm:alg>
                              </dgm:if>
                              <dgm:else name="Name21">
                                <dgm:alg type="hierChild">
                                  <dgm:param type="linDir" val="fromR"/>
                                </dgm:alg>
                              </dgm:else>
                            </dgm:choose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/>
                            <dgm:ruleLst/>
                            <dgm:forEach name="repeat" axis="ch">
                              <dgm:forEach name="Name22" axis="self" ptType="parTrans" cnt="1">
                                <dgm:layoutNode name="Name23">
                                  <dgm:choose name="Name24">
                                    <dgm:if name="Name25" axis="self" func="depth" op="lte" val="4">
                                      <dgm:alg type="conn">
                                        <dgm:param type="dim" val="1D"/>
                                        <dgm:param type="endSty" val="noArr"/>
                                        <dgm:param type="connRout" val="bend"/>
                                        <dgm:param type="bendPt" val="end"/>
                                        <dgm:param type="begPts" val="bCtr"/>
                                        <dgm:param type="endPts" val="tCtr"/>
                                        <dgm:param type="srcNode" val="background3"/>
                                        <dgm:param type="dstNode" val="background4"/>
                                      </dgm:alg>
                                    </dgm:if>
                                    <dgm:else name="Name26">
                                      <dgm:alg type="conn">
                                        <dgm:param type="dim" val="1D"/>
                                        <dgm:param type="endSty" val="noArr"/>
                                        <dgm:param type="connRout" val="bend"/>
                                        <dgm:param type="bendPt" val="end"/>
                                        <dgm:param type="begPts" val="bCtr"/>
                                        <dgm:param type="endPts" val="tCtr"/>
                                        <dgm:param type="srcNode" val="background4"/>
                                        <dgm:param type="dstNode" val="background4"/>
                                      </dgm:alg>
                                    </dgm:else>
                                  </dgm:choose>
                                  <dgm:shape xmlns:r="http://schemas.openxmlformats.org/officeDocument/2006/relationships" type="conn" r:blip="" zOrderOff="-999">
                                    <dgm:adjLst/>
                                  </dgm:shape>
                                  <dgm:presOf axis="self"/>
                                  <dgm:constrLst>
                                    <dgm:constr type="begPad"/>
                                    <dgm:constr type="endPad"/>
                                  </dgm:constrLst>
                                  <dgm:ruleLst/>
                                </dgm:layoutNode>
                              </dgm:forEach>
                              <dgm:forEach name="Name27" axis="self" ptType="node">
                                <dgm:layoutNode name="hierRoot4">
                                  <dgm:alg type="hierRoot"/>
                                  <dgm:shape xmlns:r="http://schemas.openxmlformats.org/officeDocument/2006/relationships" r:blip="">
                                    <dgm:adjLst/>
                                  </dgm:shape>
                                  <dgm:presOf/>
                                  <dgm:constrLst>
                                    <dgm:constr type="bendDist" for="des" ptType="parTrans" refType="sp" fact="0.5"/>
                                  </dgm:constrLst>
                                  <dgm:ruleLst/>
                                  <dgm:layoutNode name="composite4">
                                    <dgm:alg type="composite"/>
                                    <dgm:shape xmlns:r="http://schemas.openxmlformats.org/officeDocument/2006/relationships" r:blip="">
                                      <dgm:adjLst/>
                                    </dgm:shape>
                                    <dgm:presOf/>
                                    <dgm:constrLst>
                                      <dgm:constr type="w" for="ch" forName="background4" refType="w" fact="0.9"/>
                                      <dgm:constr type="h" for="ch" forName="background4" refType="w" refFor="ch" refForName="background4" fact="0.635"/>
                                      <dgm:constr type="t" for="ch" forName="background4"/>
                                      <dgm:constr type="l" for="ch" forName="background4"/>
                                      <dgm:constr type="w" for="ch" forName="text4" refType="w" fact="0.9"/>
                                      <dgm:constr type="h" for="ch" forName="text4" refType="w" refFor="ch" refForName="text4" fact="0.635"/>
                                      <dgm:constr type="t" for="ch" forName="text4" refType="w" fact="0.095"/>
                                      <dgm:constr type="l" for="ch" forName="text4" refType="w" fact="0.1"/>
                                    </dgm:constrLst>
                                    <dgm:ruleLst/>
                                    <dgm:layoutNode name="background4" moveWith="text4">
                                      <dgm:alg type="sp"/>
                                      <dgm:shape xmlns:r="http://schemas.openxmlformats.org/officeDocument/2006/relationships" type="roundRect" r:blip="">
                                        <dgm:adjLst>
                                          <dgm:adj idx="1" val="0.1"/>
                                        </dgm:adjLst>
                                      </dgm:shape>
                                      <dgm:presOf/>
                                      <dgm:constrLst/>
                                      <dgm:ruleLst/>
                                    </dgm:layoutNode>
                                    <dgm:layoutNode name="text4" styleLbl="fgAcc4">
                                      <dgm:varLst>
                                        <dgm:chPref val="3"/>
                                      </dgm:varLst>
                                      <dgm:alg type="tx"/>
                                      <dgm:shape xmlns:r="http://schemas.openxmlformats.org/officeDocument/2006/relationships" type="roundRect" r:blip="">
                                        <dgm:adjLst>
                                          <dgm:adj idx="1" val="0.1"/>
                                        </dgm:adjLst>
                                      </dgm:shape>
                                      <dgm:presOf axis="self"/>
                                      <dgm:constrLst>
                                        <dgm:constr type="tMarg" refType="primFontSz" fact="0.3"/>
                                        <dgm:constr type="bMarg" refType="primFontSz" fact="0.3"/>
                                        <dgm:constr type="lMarg" refType="primFontSz" fact="0.3"/>
                                        <dgm:constr type="rMarg" refType="primFontSz" fact="0.3"/>
                                      </dgm:constrLst>
                                      <dgm:ruleLst>
                                        <dgm:rule type="primFontSz" val="5" fact="NaN" max="NaN"/>
                                      </dgm:ruleLst>
                                    </dgm:layoutNode>
                                  </dgm:layoutNode>
                                  <dgm:layoutNode name="hierChild5">
                                    <dgm:choose name="Name28">
                                      <dgm:if name="Name29" func="var" arg="dir" op="equ" val="norm">
                                        <dgm:alg type="hierChild">
                                          <dgm:param type="linDir" val="fromL"/>
                                        </dgm:alg>
                                      </dgm:if>
                                      <dgm:else name="Name30">
                                        <dgm:alg type="hierChild">
                                          <dgm:param type="linDir" val="fromR"/>
                                        </dgm:alg>
                                      </dgm:else>
                                    </dgm:choose>
                                    <dgm:shape xmlns:r="http://schemas.openxmlformats.org/officeDocument/2006/relationships" r:blip="">
                                      <dgm:adjLst/>
                                    </dgm:shape>
                                    <dgm:presOf/>
                                    <dgm:constrLst/>
                                    <dgm:ruleLst/>
                                    <dgm:forEach name="Name31" ref="repeat"/>
                                  </dgm:layoutNode>
                                </dgm:layoutNode>
                              </dgm:forEach>
                            </dgm:forEach>
                          </dgm:layoutNode>
                        </dgm:layoutNode>
                      </dgm:forEach>
                    </dgm:forEach>
                  </dgm:layoutNode>
                </dgm:layoutNode>
              </dgm:forEach>
            </dgm:forEach>
          </dgm:layoutNode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p="http://schemas.openxmlformats.org/presentationml/2006/main" xmlns:a="http://schemas.openxmlformats.org/drawingml/2006/main" xmlns:r="http://schemas.openxmlformats.org/officeDocument/2006/relationships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false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pPr rtl="false"/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false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pPr rtl="false"/>
            <a:fld id="{CD72A38B-F9FA-4036-A084-652409E98F08}" type="datetimeFigureOut">
              <a:rPr lang="en-GB"/>
              <a:pPr/>
              <a:t>05/12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false" anchor="ctr"/>
          <a:lstStyle/>
          <a:p>
            <a:pPr rtl="false"/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false"/>
          <a:lstStyle/>
          <a:p>
            <a:pPr lvl="0" rtl="false"/>
            <a:r>
              <a:rPr lang="en-gb"/>
              <a:t>Click to edit Master text styles</a:t>
            </a:r>
          </a:p>
          <a:p>
            <a:pPr lvl="1" rtl="false"/>
            <a:r>
              <a:rPr lang="en-gb"/>
              <a:t>Second level</a:t>
            </a:r>
          </a:p>
          <a:p>
            <a:pPr lvl="2" rtl="false"/>
            <a:r>
              <a:rPr lang="en-gb"/>
              <a:t>Third level</a:t>
            </a:r>
          </a:p>
          <a:p>
            <a:pPr lvl="3" rtl="false"/>
            <a:r>
              <a:rPr lang="en-gb"/>
              <a:t>Fourth level</a:t>
            </a:r>
          </a:p>
          <a:p>
            <a:pPr lvl="4" rtl="false"/>
            <a:r>
              <a:rPr lang="en-gb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false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pPr rtl="false"/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false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pPr rtl="false"/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p="http://schemas.openxmlformats.org/presentationml/2006/main" xmlns:a="http://schemas.openxmlformats.org/drawingml/2006/main" xmlns:r="http://schemas.openxmlformats.org/officeDocument/2006/relationships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 rtlCol="false"/>
          <a:lstStyle/>
          <a:p>
            <a:pPr rtl="false"/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 rtlCol="false"/>
          <a:lstStyle/>
          <a:p>
            <a:pPr rtl="false"/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18546663"/>
      </p:ext>
    </p:extLst>
  </p:cSld>
  <p:clrMapOvr>
    <a:masterClrMapping/>
  </p:clrMapOvr>
</p:notes>
</file>

<file path=ppt/notesSlides/notesSlide2.xml><?xml version="1.0" encoding="utf-8"?>
<p:notes xmlns:p="http://schemas.openxmlformats.org/presentationml/2006/main" xmlns:a="http://schemas.openxmlformats.org/drawingml/2006/main" xmlns:r="http://schemas.openxmlformats.org/officeDocument/2006/relationships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 rtlCol="false"/>
          <a:lstStyle/>
          <a:p>
            <a:pPr rtl="false"/>
            <a:r>
              <a:rPr lang="en-gb"/>
              <a:t>The tool is based on the understanding that most problems are complex and that we need to know the causal relationships in order to choose the right/best solutions. 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 rtlCol="false"/>
          <a:lstStyle/>
          <a:p>
            <a:pPr rtl="false"/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11947231"/>
      </p:ext>
    </p:extLst>
  </p:cSld>
  <p:clrMapOvr>
    <a:masterClrMapping/>
  </p:clrMapOvr>
</p:notes>
</file>

<file path=ppt/notesSlides/notesSlide3.xml><?xml version="1.0" encoding="utf-8"?>
<p:notes xmlns:p="http://schemas.openxmlformats.org/presentationml/2006/main" xmlns:a="http://schemas.openxmlformats.org/drawingml/2006/main" xmlns:r="http://schemas.openxmlformats.org/officeDocument/2006/relationships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 rtlCol="false"/>
          <a:lstStyle/>
          <a:p>
            <a:pPr rtl="false"/>
            <a:r>
              <a:rPr lang="en-gb"/>
              <a:t>Causes are always complex, and analysing this complexity makes it possible to find underlying causes that can be changed.</a:t>
            </a:r>
          </a:p>
          <a:p>
            <a:pPr rtl="false"/>
            <a:r>
              <a:rPr lang="en-gb"/>
              <a:t>Can be used both for accident analysis and for preventive analysis of risk conditions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 rtlCol="false"/>
          <a:lstStyle/>
          <a:p>
            <a:pPr rtl="false"/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14939416"/>
      </p:ext>
    </p:extLst>
  </p:cSld>
  <p:clrMapOvr>
    <a:masterClrMapping/>
  </p:clrMapOvr>
</p:notes>
</file>

<file path=ppt/notesSlides/notesSlide4.xml><?xml version="1.0" encoding="utf-8"?>
<p:notes xmlns:p="http://schemas.openxmlformats.org/presentationml/2006/main" xmlns:a="http://schemas.openxmlformats.org/drawingml/2006/main" xmlns:r="http://schemas.openxmlformats.org/officeDocument/2006/relationships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 rtlCol="false"/>
          <a:lstStyle/>
          <a:p>
            <a:pPr rtl="false"/>
            <a:r>
              <a:rPr lang="en-gb"/>
              <a:t>The root cause analysis can be used at several points in the dialogue process: </a:t>
            </a:r>
          </a:p>
          <a:p>
            <a:pPr marL="228600" indent="-228600" rtl="false">
              <a:buAutoNum type="arabicPeriod"/>
            </a:pPr>
            <a:r>
              <a:rPr lang="en-gb"/>
              <a:t>To ‘unfold’ issues/risk factors in the analysis phase so that subsequent prioritisation is based on a more nuanced and qualified foundation. </a:t>
            </a:r>
          </a:p>
          <a:p>
            <a:pPr marL="228600" indent="-228600" rtl="false">
              <a:buAutoNum type="arabicPeriod"/>
            </a:pPr>
            <a:r>
              <a:rPr lang="en-gb"/>
              <a:t>As an introduction to the solution phase in order to identify the causes of the prioritised issues/risk factors, which may make it easier to develop solutions. </a:t>
            </a:r>
          </a:p>
          <a:p>
            <a:pPr marL="0" indent="0" rtl="false">
              <a:buNone/>
            </a:pPr>
            <a:r>
              <a:rPr lang="en-gb"/>
              <a:t>The root cause analysis is a suitable tool for group conversations. As the root cause analysis can be a bit time-consuming, you may want to have the different groups analyse different issues/risk factors.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 rtlCol="false"/>
          <a:lstStyle/>
          <a:p>
            <a:pPr rtl="false"/>
            <a:fld id="{49436F85-577F-4A92-A47F-D540A2BCC821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11947231"/>
      </p:ext>
    </p:extLst>
  </p:cSld>
  <p:clrMapOvr>
    <a:masterClrMapping/>
  </p:clrMapOvr>
</p:notes>
</file>

<file path=ppt/notesSlides/notesSlide5.xml><?xml version="1.0" encoding="utf-8"?>
<p:notes xmlns:p="http://schemas.openxmlformats.org/presentationml/2006/main" xmlns:a="http://schemas.openxmlformats.org/drawingml/2006/main" xmlns:r="http://schemas.openxmlformats.org/officeDocument/2006/relationships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 rtlCol="false"/>
          <a:lstStyle/>
          <a:p>
            <a:pPr rtl="false"/>
            <a:r>
              <a:rPr lang="en-gb"/>
              <a:t>This is just an example and needs to be tailored to the local process, including how to summarise the groups’ analyses and the process of generating solutions.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 rtlCol="false"/>
          <a:lstStyle/>
          <a:p>
            <a:pPr rtl="false"/>
            <a:fld id="{49436F85-577F-4A92-A47F-D540A2BCC821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4449437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p="http://schemas.openxmlformats.org/presentationml/2006/main" xmlns:a="http://schemas.openxmlformats.org/drawingml/2006/main" xmlns:r="http://schemas.openxmlformats.org/officeDocument/2006/relationships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 rtlCol="false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pPr rtl="false"/>
            <a:r>
              <a:rPr lang="en-gb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lvl1pPr algn="l">
              <a:defRPr sz="100">
                <a:noFill/>
              </a:defRPr>
            </a:lvl1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r" rtl="false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false">
            <a:spAutoFit/>
          </a:bodyPr>
          <a:lstStyle/>
          <a:p>
            <a:pPr rtl="false"/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p="http://schemas.openxmlformats.org/presentationml/2006/main" xmlns:a="http://schemas.openxmlformats.org/drawingml/2006/main" xmlns:r="http://schemas.openxmlformats.org/officeDocument/2006/relationships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 rtlCol="false"/>
          <a:lstStyle>
            <a:lvl1pPr marL="0" indent="0" algn="ctr">
              <a:buNone/>
              <a:defRPr sz="1200"/>
            </a:lvl1pPr>
          </a:lstStyle>
          <a:p>
            <a:pPr rtl="false"/>
            <a:r>
              <a:rPr lang="en-gb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 rtlCol="false"/>
          <a:lstStyle>
            <a:lvl1pPr>
              <a:defRPr/>
            </a:lvl1pPr>
          </a:lstStyle>
          <a:p>
            <a:pPr rtl="false"/>
            <a:r>
              <a:rPr lang="en-gb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 rtlCol="false"/>
          <a:lstStyle>
            <a:lvl1pPr>
              <a:defRPr/>
            </a:lvl1pPr>
          </a:lstStyle>
          <a:p>
            <a:pPr lvl="0" rtl="false"/>
            <a:r>
              <a:rPr lang="en-gb"/>
              <a:t>Klik for at tilføje tekst</a:t>
            </a:r>
            <a:endParaRPr lang="da-DK"/>
          </a:p>
          <a:p>
            <a:pPr lvl="1" rtl="false"/>
            <a:r>
              <a:rPr lang="en-gb"/>
              <a:t>Second level</a:t>
            </a:r>
            <a:endParaRPr lang="da-DK" dirty="0"/>
          </a:p>
          <a:p>
            <a:pPr lvl="2" rtl="false"/>
            <a:r>
              <a:rPr lang="en-gb"/>
              <a:t>Third level</a:t>
            </a:r>
            <a:endParaRPr lang="da-DK" dirty="0"/>
          </a:p>
          <a:p>
            <a:pPr lvl="3" rtl="false"/>
            <a:r>
              <a:rPr lang="en-gb"/>
              <a:t>Fourth level</a:t>
            </a:r>
            <a:endParaRPr lang="da-DK" dirty="0"/>
          </a:p>
          <a:p>
            <a:pPr lvl="4" rtl="false"/>
            <a:r>
              <a:rPr lang="en-gb"/>
              <a:t>Fifth 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r" rtl="false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false">
            <a:spAutoFit/>
          </a:bodyPr>
          <a:lstStyle/>
          <a:p>
            <a:pPr rtl="false"/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p="http://schemas.openxmlformats.org/presentationml/2006/main" xmlns:a="http://schemas.openxmlformats.org/drawingml/2006/main" xmlns:r="http://schemas.openxmlformats.org/officeDocument/2006/relationships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 rtlCol="false"/>
          <a:lstStyle>
            <a:lvl1pPr>
              <a:defRPr sz="4800"/>
            </a:lvl1pPr>
          </a:lstStyle>
          <a:p>
            <a:pPr rtl="false"/>
            <a:r>
              <a:rPr lang="en-gb"/>
              <a:t>Overskrift i maks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 rtlCol="false"/>
          <a:lstStyle>
            <a:lvl1pPr>
              <a:defRPr/>
            </a:lvl1pPr>
          </a:lstStyle>
          <a:p>
            <a:pPr lvl="0" rtl="false"/>
            <a:r>
              <a:rPr lang="en-gb"/>
              <a:t>Klik for at tilføje tekst</a:t>
            </a:r>
            <a:endParaRPr lang="da-DK"/>
          </a:p>
          <a:p>
            <a:pPr lvl="1" rtl="false"/>
            <a:r>
              <a:rPr lang="en-gb"/>
              <a:t>Second level</a:t>
            </a:r>
            <a:endParaRPr lang="da-DK" dirty="0"/>
          </a:p>
          <a:p>
            <a:pPr lvl="2" rtl="false"/>
            <a:r>
              <a:rPr lang="en-gb"/>
              <a:t>Third level</a:t>
            </a:r>
            <a:endParaRPr lang="da-DK" dirty="0"/>
          </a:p>
          <a:p>
            <a:pPr lvl="3" rtl="false"/>
            <a:r>
              <a:rPr lang="en-gb"/>
              <a:t>Fourth level</a:t>
            </a:r>
            <a:endParaRPr lang="da-DK" dirty="0"/>
          </a:p>
          <a:p>
            <a:pPr lvl="4" rtl="false"/>
            <a:r>
              <a:rPr lang="en-gb"/>
              <a:t>Fifth 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 rtlCol="false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 rtl="false"/>
            <a:r>
              <a:rPr lang="en-gb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 rtlCol="false"/>
          <a:lstStyle>
            <a:lvl1pPr marL="0" indent="0" algn="ctr">
              <a:buNone/>
              <a:defRPr sz="1100"/>
            </a:lvl1pPr>
          </a:lstStyle>
          <a:p>
            <a:pPr rtl="false"/>
            <a:r>
              <a:rPr lang="en-gb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 rtlCol="false"/>
          <a:lstStyle/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 rtlCol="false"/>
          <a:lstStyle/>
          <a:p>
            <a:pPr rtl="false"/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false">
            <a:spAutoFit/>
          </a:bodyPr>
          <a:lstStyle/>
          <a:p>
            <a:pPr rtl="false"/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p="http://schemas.openxmlformats.org/presentationml/2006/main" xmlns:a="http://schemas.openxmlformats.org/drawingml/2006/main" xmlns:r="http://schemas.openxmlformats.org/officeDocument/2006/relationships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 rtlCol="false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pPr rtl="false"/>
            <a:r>
              <a:rPr lang="en-gb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 rtlCol="false"/>
          <a:lstStyle>
            <a:lvl1pPr marL="0" indent="0" algn="ctr">
              <a:buNone/>
              <a:defRPr sz="1400"/>
            </a:lvl1pPr>
          </a:lstStyle>
          <a:p>
            <a:pPr rtl="false"/>
            <a:r>
              <a:rPr lang="en-gb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lvl1pPr algn="l">
              <a:defRPr sz="100">
                <a:noFill/>
              </a:defRPr>
            </a:lvl1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false"/>
          <a:lstStyle/>
          <a:p>
            <a:pPr rtl="false"/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p="http://schemas.openxmlformats.org/presentationml/2006/main" xmlns:a="http://schemas.openxmlformats.org/drawingml/2006/main" xmlns:r="http://schemas.openxmlformats.org/officeDocument/2006/relationships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 rtlCol="false"/>
          <a:lstStyle>
            <a:lvl1pPr marL="0" indent="0">
              <a:buNone/>
              <a:defRPr sz="1000"/>
            </a:lvl1pPr>
          </a:lstStyle>
          <a:p>
            <a:pPr lvl="0" rtl="false"/>
            <a:r>
              <a:rPr lang="en-gb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 rtlCol="false"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 rtl="false"/>
            <a:r>
              <a:rPr lang="en-gb"/>
              <a:t>Klik for at tilføje overskrift</a:t>
            </a:r>
          </a:p>
          <a:p>
            <a:pPr lvl="1" rtl="false"/>
            <a:r>
              <a:rPr lang="en-gb"/>
              <a:t>Second level</a:t>
            </a:r>
          </a:p>
          <a:p>
            <a:pPr lvl="2" rtl="false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 rtlCol="false"/>
          <a:lstStyle>
            <a:lvl1pPr marL="0" indent="0">
              <a:buNone/>
              <a:defRPr sz="1000"/>
            </a:lvl1pPr>
          </a:lstStyle>
          <a:p>
            <a:pPr lvl="0" rtl="false"/>
            <a:r>
              <a:rPr lang="en-gb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 rtlCol="false"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 rtl="false"/>
            <a:r>
              <a:rPr lang="en-gb"/>
              <a:t>Klik for at tilføje overskrift</a:t>
            </a:r>
          </a:p>
          <a:p>
            <a:pPr lvl="1" rtl="false"/>
            <a:r>
              <a:rPr lang="en-gb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 rtlCol="fals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 rtl="false"/>
            <a:r>
              <a:rPr lang="en-gb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 rtlCol="false"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 rtl="false"/>
            <a:r>
              <a:rPr lang="en-gb"/>
              <a:t>Klik for at tilføje overskrift</a:t>
            </a:r>
          </a:p>
          <a:p>
            <a:pPr lvl="1" rtl="false"/>
            <a:r>
              <a:rPr lang="en-gb"/>
              <a:t>Second level</a:t>
            </a:r>
          </a:p>
          <a:p>
            <a:pPr lvl="2" rtl="false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 rtlCol="false"/>
          <a:lstStyle>
            <a:lvl1pPr marL="0" indent="0">
              <a:buNone/>
              <a:defRPr sz="1000"/>
            </a:lvl1pPr>
          </a:lstStyle>
          <a:p>
            <a:pPr lvl="0" rtl="false"/>
            <a:r>
              <a:rPr lang="en-gb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 rtlCol="false"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 rtl="false"/>
            <a:r>
              <a:rPr lang="en-gb"/>
              <a:t>Klik for at tilføje overskrift</a:t>
            </a:r>
          </a:p>
          <a:p>
            <a:pPr lvl="1" rtl="false"/>
            <a:r>
              <a:rPr lang="en-gb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rtlCol="false"/>
          <a:lstStyle/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false"/>
          <a:lstStyle/>
          <a:p>
            <a:pPr rtl="false"/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p="http://schemas.openxmlformats.org/presentationml/2006/main" xmlns:a="http://schemas.openxmlformats.org/drawingml/2006/main" xmlns:r="http://schemas.openxmlformats.org/officeDocument/2006/relationships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 rtlCol="false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pPr rtl="false"/>
            <a:r>
              <a:rPr lang="en-gb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false"/>
          <a:lstStyle/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false"/>
          <a:lstStyle/>
          <a:p>
            <a:pPr rtl="false"/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2.xml><?xml version="1.0" encoding="utf-8"?>
<p:sldLayout xmlns:p="http://schemas.openxmlformats.org/presentationml/2006/main" xmlns:a="http://schemas.openxmlformats.org/drawingml/2006/main" xmlns:r="http://schemas.openxmlformats.org/officeDocument/2006/relationships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 rtlCol="false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pPr rtl="false"/>
            <a:r>
              <a:rPr lang="en-gb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lvl1pPr algn="l">
              <a:defRPr sz="100">
                <a:noFill/>
              </a:defRPr>
            </a:lvl1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p="http://schemas.openxmlformats.org/presentationml/2006/main" xmlns:a="http://schemas.openxmlformats.org/drawingml/2006/main" xmlns:r="http://schemas.openxmlformats.org/officeDocument/2006/relationships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 rtlCol="false"/>
          <a:lstStyle>
            <a:lvl1pPr marL="0" indent="0" algn="ctr">
              <a:buNone/>
              <a:defRPr sz="1200"/>
            </a:lvl1pPr>
          </a:lstStyle>
          <a:p>
            <a:pPr rtl="false"/>
            <a:r>
              <a:rPr lang="en-gb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 rtlCol="false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pPr rtl="false"/>
            <a:r>
              <a:rPr lang="en-gb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r" rtl="false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false">
            <a:spAutoFit/>
          </a:bodyPr>
          <a:lstStyle/>
          <a:p>
            <a:pPr rtl="false"/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p="http://schemas.openxmlformats.org/presentationml/2006/main" xmlns:a="http://schemas.openxmlformats.org/drawingml/2006/main" xmlns:r="http://schemas.openxmlformats.org/officeDocument/2006/relationships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 rtlCol="false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pPr rtl="false"/>
            <a:r>
              <a:rPr lang="en-gb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 rtlCol="false"/>
          <a:lstStyle>
            <a:lvl1pPr marL="0" indent="0" algn="ctr">
              <a:buNone/>
              <a:defRPr sz="1200"/>
            </a:lvl1pPr>
          </a:lstStyle>
          <a:p>
            <a:pPr rtl="false"/>
            <a:r>
              <a:rPr lang="en-gb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lvl1pPr algn="l">
              <a:defRPr sz="100">
                <a:noFill/>
              </a:defRPr>
            </a:lvl1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p="http://schemas.openxmlformats.org/presentationml/2006/main" xmlns:a="http://schemas.openxmlformats.org/drawingml/2006/main" xmlns:r="http://schemas.openxmlformats.org/officeDocument/2006/relationships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 rtlCol="false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pPr rtl="false"/>
            <a:r>
              <a:rPr lang="en-gb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 rtlCol="false"/>
          <a:lstStyle>
            <a:lvl1pPr>
              <a:defRPr/>
            </a:lvl1pPr>
          </a:lstStyle>
          <a:p>
            <a:pPr lvl="0" rtl="false"/>
            <a:r>
              <a:rPr lang="en-gb"/>
              <a:t>Klik for at tilføje tekst, klik ikon for at tilføje graf/tabel</a:t>
            </a:r>
            <a:endParaRPr lang="da-DK"/>
          </a:p>
          <a:p>
            <a:pPr lvl="1" rtl="false"/>
            <a:r>
              <a:rPr lang="en-gb"/>
              <a:t>Second level</a:t>
            </a:r>
            <a:endParaRPr lang="da-DK" dirty="0"/>
          </a:p>
          <a:p>
            <a:pPr lvl="2" rtl="false"/>
            <a:r>
              <a:rPr lang="en-gb"/>
              <a:t>Third level</a:t>
            </a:r>
            <a:endParaRPr lang="da-DK" dirty="0"/>
          </a:p>
          <a:p>
            <a:pPr lvl="3" rtl="false"/>
            <a:r>
              <a:rPr lang="en-gb"/>
              <a:t>Fourth level</a:t>
            </a:r>
            <a:endParaRPr lang="da-DK" dirty="0"/>
          </a:p>
          <a:p>
            <a:pPr lvl="4" rtl="false"/>
            <a:r>
              <a:rPr lang="en-gb"/>
              <a:t>Fifth 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lvl1pPr algn="l">
              <a:defRPr sz="100">
                <a:noFill/>
              </a:defRPr>
            </a:lvl1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 rtlCol="false"/>
          <a:lstStyle/>
          <a:p>
            <a:pPr rtl="false"/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p="http://schemas.openxmlformats.org/presentationml/2006/main" xmlns:a="http://schemas.openxmlformats.org/drawingml/2006/main" xmlns:r="http://schemas.openxmlformats.org/officeDocument/2006/relationships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 rtlCol="false"/>
          <a:lstStyle>
            <a:lvl1pPr>
              <a:defRPr/>
            </a:lvl1pPr>
          </a:lstStyle>
          <a:p>
            <a:pPr rtl="false"/>
            <a:r>
              <a:rPr lang="en-gb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 rtlCol="false"/>
          <a:lstStyle>
            <a:lvl1pPr>
              <a:defRPr/>
            </a:lvl1pPr>
          </a:lstStyle>
          <a:p>
            <a:pPr lvl="0" rtl="false"/>
            <a:r>
              <a:rPr lang="en-gb"/>
              <a:t>Klik for at tilføje tekst, klik ikon for at tilføje graf/tabel</a:t>
            </a:r>
            <a:endParaRPr lang="da-DK"/>
          </a:p>
          <a:p>
            <a:pPr lvl="1" rtl="false"/>
            <a:r>
              <a:rPr lang="en-gb"/>
              <a:t>Second level</a:t>
            </a:r>
            <a:endParaRPr lang="da-DK" dirty="0"/>
          </a:p>
          <a:p>
            <a:pPr lvl="2" rtl="false"/>
            <a:r>
              <a:rPr lang="en-gb"/>
              <a:t>Third level</a:t>
            </a:r>
            <a:endParaRPr lang="da-DK" dirty="0"/>
          </a:p>
          <a:p>
            <a:pPr lvl="3" rtl="false"/>
            <a:r>
              <a:rPr lang="en-gb"/>
              <a:t>Fourth level</a:t>
            </a:r>
            <a:endParaRPr lang="da-DK" dirty="0"/>
          </a:p>
          <a:p>
            <a:pPr lvl="4" rtl="false"/>
            <a:r>
              <a:rPr lang="en-gb"/>
              <a:t>Fifth 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 rtlCol="false"/>
          <a:lstStyle/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 rtlCol="false"/>
          <a:lstStyle/>
          <a:p>
            <a:pPr rtl="false"/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r" rtl="false"/>
            <a:endParaRPr lang="da-DK" sz="16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p="http://schemas.openxmlformats.org/presentationml/2006/main" xmlns:a="http://schemas.openxmlformats.org/drawingml/2006/main" xmlns:r="http://schemas.openxmlformats.org/officeDocument/2006/relationships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 rtlCol="false"/>
          <a:lstStyle>
            <a:lvl1pPr>
              <a:defRPr/>
            </a:lvl1pPr>
          </a:lstStyle>
          <a:p>
            <a:pPr rtl="false"/>
            <a:r>
              <a:rPr lang="en-gb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 rtlCol="false"/>
          <a:lstStyle>
            <a:lvl1pPr>
              <a:defRPr/>
            </a:lvl1pPr>
          </a:lstStyle>
          <a:p>
            <a:pPr lvl="0" rtl="false"/>
            <a:r>
              <a:rPr lang="en-gb"/>
              <a:t>Klik for at tilføje tekst, klik ikon for at tilføje graf/tabel</a:t>
            </a:r>
            <a:endParaRPr lang="da-DK"/>
          </a:p>
          <a:p>
            <a:pPr lvl="1" rtl="false"/>
            <a:r>
              <a:rPr lang="en-gb"/>
              <a:t>Second level</a:t>
            </a:r>
            <a:endParaRPr lang="da-DK" dirty="0"/>
          </a:p>
          <a:p>
            <a:pPr lvl="2" rtl="false"/>
            <a:r>
              <a:rPr lang="en-gb"/>
              <a:t>Third level</a:t>
            </a:r>
            <a:endParaRPr lang="da-DK" dirty="0"/>
          </a:p>
          <a:p>
            <a:pPr lvl="3" rtl="false"/>
            <a:r>
              <a:rPr lang="en-gb"/>
              <a:t>Fourth level</a:t>
            </a:r>
            <a:endParaRPr lang="da-DK" dirty="0"/>
          </a:p>
          <a:p>
            <a:pPr lvl="4" rtl="false"/>
            <a:r>
              <a:rPr lang="en-gb"/>
              <a:t>Fifth 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 rtlCol="false"/>
          <a:lstStyle/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 rtlCol="false"/>
          <a:lstStyle/>
          <a:p>
            <a:pPr rtl="false"/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p="http://schemas.openxmlformats.org/presentationml/2006/main" xmlns:a="http://schemas.openxmlformats.org/drawingml/2006/main" xmlns:r="http://schemas.openxmlformats.org/officeDocument/2006/relationships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 rtlCol="false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pPr rtl="false"/>
            <a:r>
              <a:rPr lang="en-gb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 rtlCol="false"/>
          <a:lstStyle>
            <a:lvl1pPr>
              <a:defRPr/>
            </a:lvl1pPr>
          </a:lstStyle>
          <a:p>
            <a:pPr lvl="0" rtl="false"/>
            <a:r>
              <a:rPr lang="en-gb"/>
              <a:t>Klik for at tilføje tekst</a:t>
            </a:r>
            <a:endParaRPr lang="da-DK"/>
          </a:p>
          <a:p>
            <a:pPr lvl="1" rtl="false"/>
            <a:r>
              <a:rPr lang="en-gb"/>
              <a:t>Second level</a:t>
            </a:r>
            <a:endParaRPr lang="da-DK" dirty="0"/>
          </a:p>
          <a:p>
            <a:pPr lvl="2" rtl="false"/>
            <a:r>
              <a:rPr lang="en-gb"/>
              <a:t>Third level</a:t>
            </a:r>
            <a:endParaRPr lang="da-DK" dirty="0"/>
          </a:p>
          <a:p>
            <a:pPr lvl="3" rtl="false"/>
            <a:r>
              <a:rPr lang="en-gb"/>
              <a:t>Fourth level</a:t>
            </a:r>
            <a:endParaRPr lang="da-DK" dirty="0"/>
          </a:p>
          <a:p>
            <a:pPr lvl="4" rtl="false"/>
            <a:r>
              <a:rPr lang="en-gb"/>
              <a:t>Fifth 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 rtlCol="false"/>
          <a:lstStyle>
            <a:lvl1pPr>
              <a:defRPr/>
            </a:lvl1pPr>
          </a:lstStyle>
          <a:p>
            <a:pPr lvl="0" rtl="false"/>
            <a:r>
              <a:rPr lang="en-gb"/>
              <a:t>Klik for at tilføje tekst, klik ikon for at tilføje graf/tabel</a:t>
            </a:r>
            <a:endParaRPr lang="da-DK"/>
          </a:p>
          <a:p>
            <a:pPr lvl="1" rtl="false"/>
            <a:r>
              <a:rPr lang="en-gb"/>
              <a:t>Second level</a:t>
            </a:r>
            <a:endParaRPr lang="da-DK" dirty="0"/>
          </a:p>
          <a:p>
            <a:pPr lvl="2" rtl="false"/>
            <a:r>
              <a:rPr lang="en-gb"/>
              <a:t>Third level</a:t>
            </a:r>
            <a:endParaRPr lang="da-DK" dirty="0"/>
          </a:p>
          <a:p>
            <a:pPr lvl="3" rtl="false"/>
            <a:r>
              <a:rPr lang="en-gb"/>
              <a:t>Fourth level</a:t>
            </a:r>
            <a:endParaRPr lang="da-DK" dirty="0"/>
          </a:p>
          <a:p>
            <a:pPr lvl="4" rtl="false"/>
            <a:r>
              <a:rPr lang="en-gb"/>
              <a:t>Fifth 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 rtlCol="false"/>
          <a:lstStyle/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false"/>
          <a:lstStyle/>
          <a:p>
            <a:pPr rtl="false"/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r" rtl="false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false">
            <a:spAutoFit/>
          </a:bodyPr>
          <a:lstStyle/>
          <a:p>
            <a:pPr rtl="false"/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p="http://schemas.openxmlformats.org/presentationml/2006/main" xmlns:a="http://schemas.openxmlformats.org/drawingml/2006/main" xmlns:r="http://schemas.openxmlformats.org/officeDocument/2006/relationships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 rtlCol="false"/>
          <a:lstStyle>
            <a:lvl1pPr>
              <a:lnSpc>
                <a:spcPct val="110000"/>
              </a:lnSpc>
              <a:defRPr sz="1200"/>
            </a:lvl1pPr>
          </a:lstStyle>
          <a:p>
            <a:pPr rtl="false"/>
            <a:r>
              <a:rPr lang="en-gb" noProof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 rtlCol="false"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 rtl="false"/>
            <a:r>
              <a:rPr lang="en-gb" noProof="0"/>
              <a:t>Klik for at tilføje tekst</a:t>
            </a:r>
            <a:endParaRPr lang="da-DK"/>
          </a:p>
          <a:p>
            <a:pPr lvl="1" rtl="false"/>
            <a:r>
              <a:rPr lang="en-gb" noProof="0"/>
              <a:t>Second level</a:t>
            </a:r>
            <a:endParaRPr lang="da-DK" noProof="0" dirty="0"/>
          </a:p>
          <a:p>
            <a:pPr lvl="2" rtl="false"/>
            <a:r>
              <a:rPr lang="en-gb" noProof="0"/>
              <a:t>Third level</a:t>
            </a:r>
            <a:endParaRPr lang="da-DK" noProof="0" dirty="0"/>
          </a:p>
          <a:p>
            <a:pPr lvl="3" rtl="false"/>
            <a:r>
              <a:rPr lang="en-gb" noProof="0"/>
              <a:t>Fourth level</a:t>
            </a:r>
            <a:endParaRPr lang="da-DK" noProof="0" dirty="0"/>
          </a:p>
          <a:p>
            <a:pPr lvl="4" rtl="false"/>
            <a:r>
              <a:rPr lang="en-gb" noProof="0"/>
              <a:t>Fifth 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 rtlCol="false"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rtl="false"/>
            <a:r>
              <a:rPr lang="en-gb" noProof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 rtlCol="false"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 rtl="false"/>
            <a:r>
              <a:rPr lang="en-gb" noProof="0"/>
              <a:t>Klik for at tilføje tekst</a:t>
            </a:r>
            <a:endParaRPr lang="da-DK"/>
          </a:p>
          <a:p>
            <a:pPr lvl="1" rtl="false"/>
            <a:r>
              <a:rPr lang="en-gb" noProof="0"/>
              <a:t>Second level</a:t>
            </a:r>
            <a:endParaRPr lang="da-DK" noProof="0" dirty="0"/>
          </a:p>
          <a:p>
            <a:pPr lvl="2" rtl="false"/>
            <a:r>
              <a:rPr lang="en-gb" noProof="0"/>
              <a:t>Third level</a:t>
            </a:r>
            <a:endParaRPr lang="da-DK" noProof="0" dirty="0"/>
          </a:p>
          <a:p>
            <a:pPr lvl="3" rtl="false"/>
            <a:r>
              <a:rPr lang="en-gb" noProof="0"/>
              <a:t>Fourth level</a:t>
            </a:r>
            <a:endParaRPr lang="da-DK" noProof="0" dirty="0"/>
          </a:p>
          <a:p>
            <a:pPr lvl="4" rtl="false"/>
            <a:r>
              <a:rPr lang="en-gb" noProof="0"/>
              <a:t>Fifth 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 rtlCol="false"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 rtl="false"/>
            <a:r>
              <a:rPr lang="en-gb" noProof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 rtlCol="false"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 rtl="false"/>
            <a:r>
              <a:rPr lang="en-gb" noProof="0"/>
              <a:t>Klik for at tilføje tekst</a:t>
            </a:r>
            <a:endParaRPr lang="da-DK"/>
          </a:p>
          <a:p>
            <a:pPr lvl="1" rtl="false"/>
            <a:r>
              <a:rPr lang="en-gb" noProof="0"/>
              <a:t>Second level</a:t>
            </a:r>
            <a:endParaRPr lang="da-DK" noProof="0" dirty="0"/>
          </a:p>
          <a:p>
            <a:pPr lvl="2" rtl="false"/>
            <a:r>
              <a:rPr lang="en-gb" noProof="0"/>
              <a:t>Third level</a:t>
            </a:r>
            <a:endParaRPr lang="da-DK" noProof="0" dirty="0"/>
          </a:p>
          <a:p>
            <a:pPr lvl="3" rtl="false"/>
            <a:r>
              <a:rPr lang="en-gb" noProof="0"/>
              <a:t>Fourth level</a:t>
            </a:r>
            <a:endParaRPr lang="da-DK" noProof="0" dirty="0"/>
          </a:p>
          <a:p>
            <a:pPr lvl="4" rtl="false"/>
            <a:r>
              <a:rPr lang="en-gb" noProof="0"/>
              <a:t>Fifth 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 rtlCol="false"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 rtl="false"/>
            <a:r>
              <a:rPr lang="en-gb" noProof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 rtlCol="false"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 rtl="false"/>
            <a:r>
              <a:rPr lang="en-gb" noProof="0"/>
              <a:t>Klik for at tilføje tekst</a:t>
            </a:r>
            <a:endParaRPr lang="da-DK"/>
          </a:p>
          <a:p>
            <a:pPr lvl="1" rtl="false"/>
            <a:r>
              <a:rPr lang="en-gb" noProof="0"/>
              <a:t>Second level</a:t>
            </a:r>
            <a:endParaRPr lang="da-DK" noProof="0" dirty="0"/>
          </a:p>
          <a:p>
            <a:pPr lvl="2" rtl="false"/>
            <a:r>
              <a:rPr lang="en-gb" noProof="0"/>
              <a:t>Third level</a:t>
            </a:r>
            <a:endParaRPr lang="da-DK" noProof="0" dirty="0"/>
          </a:p>
          <a:p>
            <a:pPr lvl="3" rtl="false"/>
            <a:r>
              <a:rPr lang="en-gb" noProof="0"/>
              <a:t>Fourth level</a:t>
            </a:r>
            <a:endParaRPr lang="da-DK" noProof="0" dirty="0"/>
          </a:p>
          <a:p>
            <a:pPr lvl="4" rtl="false"/>
            <a:r>
              <a:rPr lang="en-gb" noProof="0"/>
              <a:t>Fifth 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 rtlCol="false"/>
          <a:lstStyle/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false"/>
          <a:lstStyle/>
          <a:p>
            <a:pPr rtl="false"/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p="http://schemas.openxmlformats.org/presentationml/2006/main" xmlns:a="http://schemas.openxmlformats.org/drawingml/2006/main" xmlns:r="http://schemas.openxmlformats.org/officeDocument/2006/relationships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false" anchor="t" anchorCtr="0">
            <a:noAutofit/>
          </a:bodyPr>
          <a:lstStyle/>
          <a:p>
            <a:pPr rtl="false"/>
            <a:r>
              <a:rPr lang="en-gb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false">
            <a:noAutofit/>
          </a:bodyPr>
          <a:lstStyle/>
          <a:p>
            <a:pPr lvl="0" rtl="false"/>
            <a:r>
              <a:rPr lang="en-gb"/>
              <a:t>Første niveau, bullet 16 pkt</a:t>
            </a:r>
            <a:endParaRPr lang="da-DK" dirty="0"/>
          </a:p>
          <a:p>
            <a:pPr lvl="1" rtl="false"/>
            <a:r>
              <a:rPr lang="en-gb"/>
              <a:t>Andet niveau, bullet 14 pkt</a:t>
            </a:r>
            <a:endParaRPr lang="da-DK" dirty="0"/>
          </a:p>
          <a:p>
            <a:pPr lvl="2" rtl="false"/>
            <a:r>
              <a:rPr lang="en-gb"/>
              <a:t>Tredje niveau, bullet 12 pkt</a:t>
            </a:r>
            <a:endParaRPr lang="da-DK" dirty="0"/>
          </a:p>
          <a:p>
            <a:pPr lvl="3" rtl="false"/>
            <a:r>
              <a:rPr lang="en-gb"/>
              <a:t>Fjerde niveau, Header bold 16 pkt</a:t>
            </a:r>
            <a:endParaRPr lang="da-DK" dirty="0"/>
          </a:p>
          <a:p>
            <a:pPr lvl="4" rtl="false"/>
            <a:r>
              <a:rPr lang="en-gb"/>
              <a:t>Femte niveau, Body regular 16 pkt</a:t>
            </a:r>
            <a:endParaRPr lang="da-DK" dirty="0"/>
          </a:p>
          <a:p>
            <a:pPr lvl="5" rtl="false"/>
            <a:r>
              <a:rPr lang="en-gb"/>
              <a:t>Sjette niveau, bullet 12 pkt</a:t>
            </a:r>
            <a:endParaRPr lang="da-DK" dirty="0"/>
          </a:p>
          <a:p>
            <a:pPr lvl="6" rtl="false"/>
            <a:r>
              <a:rPr lang="en-gb"/>
              <a:t>Syvende niveau, bullet 12 pkt (indryk 1 gang)</a:t>
            </a:r>
          </a:p>
          <a:p>
            <a:pPr lvl="7" rtl="false"/>
            <a:r>
              <a:rPr lang="en-gb"/>
              <a:t>Ottende niveau, Header bold, 12 pkt</a:t>
            </a:r>
            <a:endParaRPr lang="da-DK" dirty="0"/>
          </a:p>
          <a:p>
            <a:pPr lvl="8" rtl="false"/>
            <a:r>
              <a:rPr lang="en-gb"/>
              <a:t>Niende niveau, Body regular, 12 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lvl1pPr algn="l">
              <a:defRPr sz="100">
                <a:noFill/>
              </a:defRPr>
            </a:lvl1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false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pPr rtl="false"/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false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false"/>
            <a:fld id="{F1A13B18-F5ED-4611-8DBB-F05123AFBA22}" type="datetimeFigureOut">
              <a:rPr lang="da-DK" smtClean="0"/>
              <a:pPr/>
              <a:t>05-12-2024</a:t>
            </a:fld>
            <a:endParaRPr lang="da-DK" dirty="0"/>
          </a:p>
        </p:txBody>
      </p:sp>
      <p:sp>
        <p:nvSpPr>
          <p:cNvPr id="14" name="Rectangle 3" descr="{&quot;templafy&quot;:{&quot;id&quot;:&quot;1237cbd6-a3b0-44d1-aff4-09bbbee017af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r" rtl="false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false">
            <a:spAutoFit/>
          </a:bodyPr>
          <a:lstStyle/>
          <a:p>
            <a:pPr rtl="false"/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1.xml"/><Relationship Id="rId3" Type="http://schemas.openxmlformats.org/officeDocument/2006/relationships/slideLayout" Target="../slideLayouts/slideLayout2.xml"/><Relationship Id="rId7" Type="http://schemas.openxmlformats.org/officeDocument/2006/relationships/diagramQuickStyle" Target="../diagrams/quickStyle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4.xml"/><Relationship Id="rId6" Type="http://schemas.openxmlformats.org/officeDocument/2006/relationships/diagramLayout" Target="../diagrams/layout1.xml"/><Relationship Id="rId5" Type="http://schemas.openxmlformats.org/officeDocument/2006/relationships/diagramData" Target="../diagrams/data1.xml"/><Relationship Id="rId4" Type="http://schemas.openxmlformats.org/officeDocument/2006/relationships/notesSlide" Target="../notesSlides/notesSlide1.xml"/><Relationship Id="rId9" Type="http://schemas.microsoft.com/office/2007/relationships/diagramDrawing" Target="../diagrams/drawing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5.xml"/><Relationship Id="rId5" Type="http://schemas.openxmlformats.org/officeDocument/2006/relationships/image" Target="../media/image3.png"/><Relationship Id="rId4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2.xml"/><Relationship Id="rId7" Type="http://schemas.microsoft.com/office/2007/relationships/diagramDrawing" Target="../diagrams/drawing2.xm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4.xml"/><Relationship Id="rId6" Type="http://schemas.openxmlformats.org/officeDocument/2006/relationships/diagramColors" Target="../diagrams/colors2.xml"/><Relationship Id="rId5" Type="http://schemas.openxmlformats.org/officeDocument/2006/relationships/diagramQuickStyle" Target="../diagrams/quickStyle2.xml"/><Relationship Id="rId4" Type="http://schemas.openxmlformats.org/officeDocument/2006/relationships/diagramLayout" Target="../diagrams/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6" Type="http://schemas.openxmlformats.org/officeDocument/2006/relationships/image" Target="../media/image5.sv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Relationship Id="rId4" Type="http://schemas.openxmlformats.org/officeDocument/2006/relationships/notesSlide" Target="../notesSlides/notesSlide5.xml"/></Relationships>
</file>

<file path=ppt/slides/slide1.xml><?xml version="1.0" encoding="utf-8"?>
<p:sld xmlns:p="http://schemas.openxmlformats.org/presentationml/2006/main" xmlns:a="http://schemas.openxmlformats.org/drawingml/2006/main" xmlns:r="http://schemas.openxmlformats.org/officeDocument/2006/relationships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1760373"/>
            <a:ext cx="4802701" cy="4070408"/>
          </a:xfrm>
        </p:spPr>
        <p:txBody>
          <a:bodyPr rtlCol="false"/>
          <a:lstStyle/>
          <a:p>
            <a:pPr rtl="false"/>
            <a:r>
              <a:rPr lang="en-gb"/>
              <a:t>WPA process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 rtlCol="false"/>
          <a:lstStyle/>
          <a:p>
            <a:pPr rtl="false"/>
            <a:fld id="{83C7CD7C-F7E2-4FF3-B441-BD5C13FCA230}">
              <a:rPr lang="da-DK" smtClean="0"/>
              <a:t>05/12/2024</a:t>
            </a:fld>
            <a:endParaRPr lang="da-DK" dirty="0"/>
          </a:p>
        </p:txBody>
      </p:sp>
      <p:graphicFrame>
        <p:nvGraphicFramePr>
          <p:cNvPr id="2" name="Content Placeholder 5">
            <a:extLst>
              <a:ext uri="{FF2B5EF4-FFF2-40B4-BE49-F238E27FC236}">
                <a16:creationId xmlns:a16="http://schemas.microsoft.com/office/drawing/2014/main" id="{B0B6F55B-0336-A8C7-C152-FF8AD1F7F21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458224173"/>
              </p:ext>
            </p:extLst>
          </p:nvPr>
        </p:nvGraphicFramePr>
        <p:xfrm>
          <a:off x="5152085" y="-333697"/>
          <a:ext cx="7041515" cy="6857999"/>
        </p:xfrm>
        <a:graphic>
          <a:graphicData uri="http://schemas.openxmlformats.org/drawingml/2006/diagram">
            <dgm:relIds xmlns:dgm="http://schemas.openxmlformats.org/drawingml/2006/diagram" r:dm="rId5" r:lo="rId6" r:qs="rId7" r:cs="rId8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p="http://schemas.openxmlformats.org/presentationml/2006/main" xmlns:a="http://schemas.openxmlformats.org/drawingml/2006/main" xmlns:r="http://schemas.openxmlformats.org/officeDocument/2006/relationships">
  <p:cSld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4">
            <a:extLst>
              <a:ext uri="{FF2B5EF4-FFF2-40B4-BE49-F238E27FC236}">
                <a16:creationId xmlns:a16="http://schemas.microsoft.com/office/drawing/2014/main" id="{98644134-9F5A-1B60-8A88-33532D9F63DA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109" b="1109"/>
          <a:stretch/>
        </p:blipFill>
        <p:spPr>
          <a:xfrm>
            <a:off x="6415848" y="1000443"/>
            <a:ext cx="4951428" cy="4841557"/>
          </a:xfr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7BDCB872-5B43-441B-8FB1-E84C64914BE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 rtlCol="false"/>
          <a:lstStyle/>
          <a:p>
            <a:pPr rtl="false"/>
            <a:r>
              <a:rPr lang="en-gb" sz="4000"/>
              <a:t>Dialogue tool</a:t>
            </a:r>
            <a:br>
              <a:rPr lang="da-DK" dirty="0"/>
            </a:br>
            <a:r>
              <a:rPr lang="en-gb" sz="4400"/>
              <a:t>- </a:t>
            </a:r>
            <a:r>
              <a:rPr lang="en-gb"/>
              <a:t>Causal analysis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1DEABC6-0B5F-4868-9B49-112D6DB148F9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 rtlCol="false"/>
          <a:lstStyle/>
          <a:p>
            <a:pPr rtl="false"/>
            <a:fld id="{BF434C8B-1A2A-49DC-9216-7DCD7F14C0B8}">
              <a:rPr lang="da-DK" smtClean="0"/>
              <a:t>05/12/2024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1486819"/>
      </p:ext>
    </p:extLst>
  </p:cSld>
  <p:clrMapOvr>
    <a:masterClrMapping/>
  </p:clrMapOvr>
</p:sld>
</file>

<file path=ppt/slides/slide3.xml><?xml version="1.0" encoding="utf-8"?>
<p:sld xmlns:p="http://schemas.openxmlformats.org/presentationml/2006/main" xmlns:a="http://schemas.openxmlformats.org/drawingml/2006/main" xmlns:r="http://schemas.openxmlformats.org/officeDocument/2006/relationships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F0F748A3-A3CF-ACFF-4ED9-53850E783A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677518"/>
            <a:ext cx="11326487" cy="1884283"/>
          </a:xfrm>
        </p:spPr>
        <p:txBody>
          <a:bodyPr rtlCol="false"/>
          <a:lstStyle/>
          <a:p>
            <a:pPr rtl="false"/>
            <a:r>
              <a:rPr lang="en-gb"/>
              <a:t>Causal analysis: 5 x ‘why’ </a:t>
            </a:r>
            <a:br>
              <a:rPr lang="en-US" dirty="0"/>
            </a:br>
            <a:r>
              <a:rPr lang="en-gb"/>
              <a:t>          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 rtlCol="false"/>
          <a:lstStyle/>
          <a:p>
            <a:pPr rtl="false">
              <a:spcAft>
                <a:spcPts val="600"/>
              </a:spcAft>
            </a:pPr>
            <a:fld id="{5E07C938-A8FC-4945-8409-40855F9CE8A7}">
              <a:rPr lang="da-DK" b="1" smtClean="0"/>
              <a:pPr>
                <a:spcAft>
                  <a:spcPts val="600"/>
                </a:spcAft>
              </a:pPr>
              <a:t>05/12/2024</a:t>
            </a:fld>
            <a:endParaRPr lang="da-DK" b="1"/>
          </a:p>
        </p:txBody>
      </p:sp>
      <p:sp>
        <p:nvSpPr>
          <p:cNvPr id="2" name="Rektangel: afrundede hjørner 1">
            <a:extLst>
              <a:ext uri="{FF2B5EF4-FFF2-40B4-BE49-F238E27FC236}">
                <a16:creationId xmlns:a16="http://schemas.microsoft.com/office/drawing/2014/main" id="{EE48A166-89C8-6A8D-9ABE-2EA03BFE51AD}"/>
              </a:ext>
            </a:extLst>
          </p:cNvPr>
          <p:cNvSpPr/>
          <p:nvPr/>
        </p:nvSpPr>
        <p:spPr>
          <a:xfrm>
            <a:off x="2348763" y="1729859"/>
            <a:ext cx="1753690" cy="734998"/>
          </a:xfrm>
          <a:prstGeom prst="round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72000" rIns="0" bIns="72000" rtlCol="false" anchor="ctr"/>
          <a:lstStyle/>
          <a:p>
            <a:pPr algn="ctr" rtl="false"/>
            <a:r>
              <a:rPr lang="en-gb" sz="1600" b="1"/>
              <a:t>Immediate problem</a:t>
            </a:r>
          </a:p>
        </p:txBody>
      </p:sp>
      <p:sp>
        <p:nvSpPr>
          <p:cNvPr id="3" name="Rektangel: afrundede hjørner 2">
            <a:extLst>
              <a:ext uri="{FF2B5EF4-FFF2-40B4-BE49-F238E27FC236}">
                <a16:creationId xmlns:a16="http://schemas.microsoft.com/office/drawing/2014/main" id="{9D85E02F-DAAA-3AA9-E996-B32F98855B36}"/>
              </a:ext>
            </a:extLst>
          </p:cNvPr>
          <p:cNvSpPr/>
          <p:nvPr/>
        </p:nvSpPr>
        <p:spPr>
          <a:xfrm>
            <a:off x="3600493" y="2561801"/>
            <a:ext cx="1753690" cy="734998"/>
          </a:xfrm>
          <a:prstGeom prst="round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72000" rIns="0" bIns="72000" rtlCol="false" anchor="ctr"/>
          <a:lstStyle/>
          <a:p>
            <a:pPr algn="ctr" rtl="false"/>
            <a:r>
              <a:rPr lang="en-gb" sz="1600" b="1"/>
              <a:t>Immediate cause</a:t>
            </a:r>
          </a:p>
        </p:txBody>
      </p:sp>
      <p:sp>
        <p:nvSpPr>
          <p:cNvPr id="6" name="Rektangel: afrundede hjørner 5">
            <a:extLst>
              <a:ext uri="{FF2B5EF4-FFF2-40B4-BE49-F238E27FC236}">
                <a16:creationId xmlns:a16="http://schemas.microsoft.com/office/drawing/2014/main" id="{632DCAC2-5ADB-E39C-BC52-47A0AEDB048D}"/>
              </a:ext>
            </a:extLst>
          </p:cNvPr>
          <p:cNvSpPr/>
          <p:nvPr/>
        </p:nvSpPr>
        <p:spPr>
          <a:xfrm>
            <a:off x="4850682" y="3393743"/>
            <a:ext cx="1753690" cy="734998"/>
          </a:xfrm>
          <a:prstGeom prst="round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72000" rIns="0" bIns="72000" rtlCol="false" anchor="ctr"/>
          <a:lstStyle/>
          <a:p>
            <a:pPr algn="ctr" rtl="false"/>
            <a:r>
              <a:rPr lang="en-gb" sz="1600" b="1"/>
              <a:t>Underlying cause</a:t>
            </a:r>
          </a:p>
        </p:txBody>
      </p:sp>
      <p:sp>
        <p:nvSpPr>
          <p:cNvPr id="7" name="Rektangel: afrundede hjørner 6">
            <a:extLst>
              <a:ext uri="{FF2B5EF4-FFF2-40B4-BE49-F238E27FC236}">
                <a16:creationId xmlns:a16="http://schemas.microsoft.com/office/drawing/2014/main" id="{6172007D-8723-6F09-D636-BE36DCF84EE1}"/>
              </a:ext>
            </a:extLst>
          </p:cNvPr>
          <p:cNvSpPr/>
          <p:nvPr/>
        </p:nvSpPr>
        <p:spPr>
          <a:xfrm>
            <a:off x="6081612" y="4225685"/>
            <a:ext cx="1753690" cy="734998"/>
          </a:xfrm>
          <a:prstGeom prst="round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72000" rIns="0" bIns="72000" rtlCol="false" anchor="ctr"/>
          <a:lstStyle/>
          <a:p>
            <a:pPr algn="ctr" rtl="false"/>
            <a:r>
              <a:rPr lang="en-gb" sz="1600" b="1"/>
              <a:t>Underlying cause</a:t>
            </a:r>
          </a:p>
        </p:txBody>
      </p:sp>
      <p:sp>
        <p:nvSpPr>
          <p:cNvPr id="8" name="Rektangel: afrundede hjørner 7">
            <a:extLst>
              <a:ext uri="{FF2B5EF4-FFF2-40B4-BE49-F238E27FC236}">
                <a16:creationId xmlns:a16="http://schemas.microsoft.com/office/drawing/2014/main" id="{F6651841-4F0A-E35F-9F16-6E085C1A98F8}"/>
              </a:ext>
            </a:extLst>
          </p:cNvPr>
          <p:cNvSpPr/>
          <p:nvPr/>
        </p:nvSpPr>
        <p:spPr>
          <a:xfrm>
            <a:off x="7341441" y="5057627"/>
            <a:ext cx="1753690" cy="734998"/>
          </a:xfrm>
          <a:prstGeom prst="round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72000" rIns="0" bIns="72000" rtlCol="false" anchor="ctr"/>
          <a:lstStyle/>
          <a:p>
            <a:pPr algn="ctr" rtl="false"/>
            <a:r>
              <a:rPr lang="en-gb" sz="1600" b="1"/>
              <a:t>Underlying cause</a:t>
            </a:r>
          </a:p>
        </p:txBody>
      </p:sp>
      <p:sp>
        <p:nvSpPr>
          <p:cNvPr id="9" name="Rektangel: afrundede hjørner 8">
            <a:extLst>
              <a:ext uri="{FF2B5EF4-FFF2-40B4-BE49-F238E27FC236}">
                <a16:creationId xmlns:a16="http://schemas.microsoft.com/office/drawing/2014/main" id="{179B7338-CF79-29E0-4BA0-F846BDC3D63F}"/>
              </a:ext>
            </a:extLst>
          </p:cNvPr>
          <p:cNvSpPr/>
          <p:nvPr/>
        </p:nvSpPr>
        <p:spPr>
          <a:xfrm>
            <a:off x="8614981" y="5889569"/>
            <a:ext cx="1753690" cy="734998"/>
          </a:xfrm>
          <a:prstGeom prst="round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72000" rIns="0" bIns="72000" rtlCol="false" anchor="ctr"/>
          <a:lstStyle/>
          <a:p>
            <a:pPr algn="ctr" rtl="false"/>
            <a:r>
              <a:rPr lang="en-gb" sz="1600" b="1"/>
              <a:t>Root cause</a:t>
            </a:r>
          </a:p>
        </p:txBody>
      </p:sp>
      <p:sp>
        <p:nvSpPr>
          <p:cNvPr id="12" name="Pil: pentagon 11">
            <a:extLst>
              <a:ext uri="{FF2B5EF4-FFF2-40B4-BE49-F238E27FC236}">
                <a16:creationId xmlns:a16="http://schemas.microsoft.com/office/drawing/2014/main" id="{AFEDC6D4-1103-8528-161E-7B27290D81B1}"/>
              </a:ext>
            </a:extLst>
          </p:cNvPr>
          <p:cNvSpPr/>
          <p:nvPr/>
        </p:nvSpPr>
        <p:spPr>
          <a:xfrm>
            <a:off x="2340794" y="2561802"/>
            <a:ext cx="1148220" cy="734998"/>
          </a:xfrm>
          <a:prstGeom prst="homePlate">
            <a:avLst/>
          </a:prstGeom>
          <a:solidFill>
            <a:srgbClr val="E0A526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r>
              <a:rPr lang="en-gb" sz="1600" b="1"/>
              <a:t>Why?</a:t>
            </a:r>
          </a:p>
        </p:txBody>
      </p:sp>
      <p:sp>
        <p:nvSpPr>
          <p:cNvPr id="13" name="Pil: pentagon 12">
            <a:extLst>
              <a:ext uri="{FF2B5EF4-FFF2-40B4-BE49-F238E27FC236}">
                <a16:creationId xmlns:a16="http://schemas.microsoft.com/office/drawing/2014/main" id="{8A85B078-A0D8-6E8D-E253-4DAC35532106}"/>
              </a:ext>
            </a:extLst>
          </p:cNvPr>
          <p:cNvSpPr/>
          <p:nvPr/>
        </p:nvSpPr>
        <p:spPr>
          <a:xfrm>
            <a:off x="3592524" y="3393743"/>
            <a:ext cx="1148220" cy="734998"/>
          </a:xfrm>
          <a:prstGeom prst="homePlate">
            <a:avLst/>
          </a:prstGeom>
          <a:solidFill>
            <a:srgbClr val="E0A526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r>
              <a:rPr lang="en-gb" sz="1600" b="1"/>
              <a:t>Why?</a:t>
            </a:r>
          </a:p>
        </p:txBody>
      </p:sp>
      <p:sp>
        <p:nvSpPr>
          <p:cNvPr id="14" name="Pil: pentagon 13">
            <a:extLst>
              <a:ext uri="{FF2B5EF4-FFF2-40B4-BE49-F238E27FC236}">
                <a16:creationId xmlns:a16="http://schemas.microsoft.com/office/drawing/2014/main" id="{E1D267E6-E712-9B3D-F75C-FF6F67955E40}"/>
              </a:ext>
            </a:extLst>
          </p:cNvPr>
          <p:cNvSpPr/>
          <p:nvPr/>
        </p:nvSpPr>
        <p:spPr>
          <a:xfrm>
            <a:off x="4842713" y="4207192"/>
            <a:ext cx="1148220" cy="734998"/>
          </a:xfrm>
          <a:prstGeom prst="homePlate">
            <a:avLst/>
          </a:prstGeom>
          <a:solidFill>
            <a:srgbClr val="E0A526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r>
              <a:rPr lang="en-gb" sz="1600" b="1"/>
              <a:t>Why?</a:t>
            </a:r>
          </a:p>
        </p:txBody>
      </p:sp>
      <p:sp>
        <p:nvSpPr>
          <p:cNvPr id="15" name="Pil: pentagon 14">
            <a:extLst>
              <a:ext uri="{FF2B5EF4-FFF2-40B4-BE49-F238E27FC236}">
                <a16:creationId xmlns:a16="http://schemas.microsoft.com/office/drawing/2014/main" id="{DB89FDFB-3245-42BB-103E-B1392C24EE87}"/>
              </a:ext>
            </a:extLst>
          </p:cNvPr>
          <p:cNvSpPr/>
          <p:nvPr/>
        </p:nvSpPr>
        <p:spPr>
          <a:xfrm>
            <a:off x="6073643" y="5057627"/>
            <a:ext cx="1148220" cy="734998"/>
          </a:xfrm>
          <a:prstGeom prst="homePlate">
            <a:avLst/>
          </a:prstGeom>
          <a:solidFill>
            <a:srgbClr val="E0A526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r>
              <a:rPr lang="en-gb" sz="1600" b="1"/>
              <a:t>Why?</a:t>
            </a:r>
          </a:p>
        </p:txBody>
      </p:sp>
      <p:sp>
        <p:nvSpPr>
          <p:cNvPr id="16" name="Pil: pentagon 15">
            <a:extLst>
              <a:ext uri="{FF2B5EF4-FFF2-40B4-BE49-F238E27FC236}">
                <a16:creationId xmlns:a16="http://schemas.microsoft.com/office/drawing/2014/main" id="{AD940488-6B81-0317-2E17-56D21DCEB7AD}"/>
              </a:ext>
            </a:extLst>
          </p:cNvPr>
          <p:cNvSpPr/>
          <p:nvPr/>
        </p:nvSpPr>
        <p:spPr>
          <a:xfrm>
            <a:off x="7333472" y="5889569"/>
            <a:ext cx="1148220" cy="734998"/>
          </a:xfrm>
          <a:prstGeom prst="homePlate">
            <a:avLst/>
          </a:prstGeom>
          <a:solidFill>
            <a:srgbClr val="E0A526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r>
              <a:rPr lang="en-gb" sz="1600" b="1"/>
              <a:t>Why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16458591"/>
      </p:ext>
    </p:extLst>
  </p:cSld>
  <p:clrMapOvr>
    <a:masterClrMapping/>
  </p:clrMapOvr>
</p:sld>
</file>

<file path=ppt/slides/slide4.xml><?xml version="1.0" encoding="utf-8"?>
<p:sld xmlns:p="http://schemas.openxmlformats.org/presentationml/2006/main" xmlns:a="http://schemas.openxmlformats.org/drawingml/2006/main" xmlns:r="http://schemas.openxmlformats.org/officeDocument/2006/relationships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0DF53B9-91DF-5B9B-F8C8-3548CC40A3E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false"/>
          <a:lstStyle/>
          <a:p>
            <a:pPr rtl="false"/>
            <a:fld id="{AE45701D-FE03-4765-A1A5-7E4584AD5F8E}">
              <a:rPr lang="da-DK" smtClean="0"/>
              <a:t>05/12/2024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6912CB3-F06E-8A95-8193-2E456DF1D5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false"/>
          <a:lstStyle/>
          <a:p>
            <a:pPr rtl="false"/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6C7358C5-F108-6BCE-F09E-9BFA2FCE3AA8}"/>
              </a:ext>
            </a:extLst>
          </p:cNvPr>
          <p:cNvSpPr txBox="1">
            <a:spLocks/>
          </p:cNvSpPr>
          <p:nvPr/>
        </p:nvSpPr>
        <p:spPr>
          <a:xfrm>
            <a:off x="954074" y="307876"/>
            <a:ext cx="9868413" cy="576064"/>
          </a:xfrm>
          <a:prstGeom prst="rect">
            <a:avLst/>
          </a:prstGeom>
        </p:spPr>
        <p:txBody>
          <a:bodyPr vert="horz" lIns="0" tIns="0" rIns="0" bIns="0" rtlCol="false" anchor="t" anchorCtr="0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tabLst>
                <a:tab pos="1438275" algn="l"/>
              </a:tabLst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rtl="false"/>
            <a:r>
              <a:rPr lang="en-gb"/>
              <a:t>Example: Causal tree – 5 x ‘why’?</a:t>
            </a:r>
          </a:p>
        </p:txBody>
      </p:sp>
      <p:graphicFrame>
        <p:nvGraphicFramePr>
          <p:cNvPr id="6" name="Diagram 5">
            <a:extLst>
              <a:ext uri="{FF2B5EF4-FFF2-40B4-BE49-F238E27FC236}">
                <a16:creationId xmlns:a16="http://schemas.microsoft.com/office/drawing/2014/main" id="{F02A8A86-27D1-BC81-2B76-7D9443BF37AD}"/>
              </a:ext>
            </a:extLst>
          </p:cNvPr>
          <p:cNvGraphicFramePr/>
          <p:nvPr/>
        </p:nvGraphicFramePr>
        <p:xfrm>
          <a:off x="1895061" y="908753"/>
          <a:ext cx="8521148" cy="5757089"/>
        </p:xfrm>
        <a:graphic>
          <a:graphicData uri="http://schemas.openxmlformats.org/drawingml/2006/diagram">
            <dgm:relIds xmlns:dgm="http://schemas.openxmlformats.org/drawingml/2006/diagram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1854753462"/>
      </p:ext>
    </p:extLst>
  </p:cSld>
  <p:clrMapOvr>
    <a:masterClrMapping/>
  </p:clrMapOvr>
</p:sld>
</file>

<file path=ppt/slides/slide5.xml><?xml version="1.0" encoding="utf-8"?>
<p:sld xmlns:p="http://schemas.openxmlformats.org/presentationml/2006/main" xmlns:a="http://schemas.openxmlformats.org/drawingml/2006/main" xmlns:r="http://schemas.openxmlformats.org/officeDocument/2006/relationships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F0F748A3-A3CF-ACFF-4ED9-53850E783A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399" y="1028247"/>
            <a:ext cx="10224198" cy="913288"/>
          </a:xfrm>
        </p:spPr>
        <p:txBody>
          <a:bodyPr rtlCol="false"/>
          <a:lstStyle/>
          <a:p>
            <a:pPr rtl="false"/>
            <a:r>
              <a:rPr lang="en-gb"/>
              <a:t>The double-diamond method and </a:t>
            </a:r>
            <a:br>
              <a:rPr lang="en-US" dirty="0"/>
            </a:br>
            <a:r>
              <a:rPr lang="en-gb"/>
              <a:t>Causal analysis</a:t>
            </a:r>
            <a:endParaRPr lang="en-US" dirty="0"/>
          </a:p>
        </p:txBody>
      </p:sp>
      <p:pic>
        <p:nvPicPr>
          <p:cNvPr id="11" name="Pladsholder til indhold 10" descr="Ruder kontur">
            <a:extLst>
              <a:ext uri="{FF2B5EF4-FFF2-40B4-BE49-F238E27FC236}">
                <a16:creationId xmlns:a16="http://schemas.microsoft.com/office/drawing/2014/main" id="{DC39C1A3-7565-91ED-5863-1E375E20455A}"/>
              </a:ext>
            </a:extLst>
          </p:cNvPr>
          <p:cNvPicPr>
            <a:picLocks noGrp="1" noChangeAspect="1"/>
          </p:cNvPicPr>
          <p:nvPr>
            <p:ph sz="quarter" idx="19"/>
          </p:nvPr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 rot="16200000">
            <a:off x="2275556" y="2203548"/>
            <a:ext cx="3908368" cy="3908368"/>
          </a:xfrm>
        </p:spPr>
      </p:pic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 rtlCol="false"/>
          <a:lstStyle/>
          <a:p>
            <a:pPr rtl="false">
              <a:spcAft>
                <a:spcPts val="600"/>
              </a:spcAft>
            </a:pPr>
            <a:fld id="{5E07C938-A8FC-4945-8409-40855F9CE8A7}">
              <a:rPr lang="da-DK" smtClean="0"/>
              <a:pPr>
                <a:spcAft>
                  <a:spcPts val="600"/>
                </a:spcAft>
              </a:pPr>
              <a:t>05/12/2024</a:t>
            </a:fld>
            <a:endParaRPr lang="da-DK"/>
          </a:p>
        </p:txBody>
      </p:sp>
      <p:pic>
        <p:nvPicPr>
          <p:cNvPr id="13" name="Pladsholder til indhold 10" descr="Ruder kontur">
            <a:extLst>
              <a:ext uri="{FF2B5EF4-FFF2-40B4-BE49-F238E27FC236}">
                <a16:creationId xmlns:a16="http://schemas.microsoft.com/office/drawing/2014/main" id="{2F3166DD-D9B9-74DC-5961-F0BA7020593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 rot="16200000">
            <a:off x="5203548" y="2203548"/>
            <a:ext cx="3908368" cy="3908368"/>
          </a:xfrm>
          <a:prstGeom prst="rect">
            <a:avLst/>
          </a:prstGeom>
        </p:spPr>
      </p:pic>
      <p:cxnSp>
        <p:nvCxnSpPr>
          <p:cNvPr id="15" name="Lige forbindelse 14">
            <a:extLst>
              <a:ext uri="{FF2B5EF4-FFF2-40B4-BE49-F238E27FC236}">
                <a16:creationId xmlns:a16="http://schemas.microsoft.com/office/drawing/2014/main" id="{6384C6AD-F4C7-D6C3-77A3-20E4A07F6FE3}"/>
              </a:ext>
            </a:extLst>
          </p:cNvPr>
          <p:cNvCxnSpPr>
            <a:cxnSpLocks/>
          </p:cNvCxnSpPr>
          <p:nvPr/>
        </p:nvCxnSpPr>
        <p:spPr>
          <a:xfrm flipH="1">
            <a:off x="2729191" y="2765209"/>
            <a:ext cx="1" cy="2817711"/>
          </a:xfrm>
          <a:prstGeom prst="line">
            <a:avLst/>
          </a:prstGeom>
          <a:ln w="762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Lige forbindelse 15">
            <a:extLst>
              <a:ext uri="{FF2B5EF4-FFF2-40B4-BE49-F238E27FC236}">
                <a16:creationId xmlns:a16="http://schemas.microsoft.com/office/drawing/2014/main" id="{5C479FB9-E067-6667-C43F-AE7B9081C62A}"/>
              </a:ext>
            </a:extLst>
          </p:cNvPr>
          <p:cNvCxnSpPr>
            <a:cxnSpLocks/>
          </p:cNvCxnSpPr>
          <p:nvPr/>
        </p:nvCxnSpPr>
        <p:spPr>
          <a:xfrm flipH="1">
            <a:off x="5696056" y="2765209"/>
            <a:ext cx="1" cy="2817711"/>
          </a:xfrm>
          <a:prstGeom prst="line">
            <a:avLst/>
          </a:prstGeom>
          <a:ln w="76200">
            <a:solidFill>
              <a:schemeClr val="tx1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Lige forbindelse 16">
            <a:extLst>
              <a:ext uri="{FF2B5EF4-FFF2-40B4-BE49-F238E27FC236}">
                <a16:creationId xmlns:a16="http://schemas.microsoft.com/office/drawing/2014/main" id="{535089E7-A188-6F0B-DC93-022F9A34E477}"/>
              </a:ext>
            </a:extLst>
          </p:cNvPr>
          <p:cNvCxnSpPr>
            <a:cxnSpLocks/>
          </p:cNvCxnSpPr>
          <p:nvPr/>
        </p:nvCxnSpPr>
        <p:spPr>
          <a:xfrm flipH="1">
            <a:off x="8646558" y="2765209"/>
            <a:ext cx="1" cy="2817711"/>
          </a:xfrm>
          <a:prstGeom prst="line">
            <a:avLst/>
          </a:prstGeom>
          <a:ln w="76200">
            <a:solidFill>
              <a:schemeClr val="tx1"/>
            </a:solidFill>
            <a:prstDash val="lg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Tekstfelt 17">
            <a:extLst>
              <a:ext uri="{FF2B5EF4-FFF2-40B4-BE49-F238E27FC236}">
                <a16:creationId xmlns:a16="http://schemas.microsoft.com/office/drawing/2014/main" id="{F1A3647C-002D-AA08-BB2F-2C506FD826A3}"/>
              </a:ext>
            </a:extLst>
          </p:cNvPr>
          <p:cNvSpPr txBox="1"/>
          <p:nvPr/>
        </p:nvSpPr>
        <p:spPr>
          <a:xfrm>
            <a:off x="3318590" y="3561464"/>
            <a:ext cx="2067602" cy="369332"/>
          </a:xfrm>
          <a:prstGeom prst="rect">
            <a:avLst/>
          </a:prstGeom>
          <a:noFill/>
        </p:spPr>
        <p:txBody>
          <a:bodyPr wrap="square" lIns="0" tIns="0" rIns="0" bIns="0" rtlCol="false">
            <a:spAutoFit/>
          </a:bodyPr>
          <a:lstStyle/>
          <a:p>
            <a:pPr rtl="false"/>
            <a:r>
              <a:rPr lang="en-gb" sz="2400"/>
              <a:t>Analysis phase</a:t>
            </a:r>
          </a:p>
        </p:txBody>
      </p:sp>
      <p:sp>
        <p:nvSpPr>
          <p:cNvPr id="19" name="Tekstfelt 18">
            <a:extLst>
              <a:ext uri="{FF2B5EF4-FFF2-40B4-BE49-F238E27FC236}">
                <a16:creationId xmlns:a16="http://schemas.microsoft.com/office/drawing/2014/main" id="{273D4B55-1B23-0727-D2AC-97B1895DB10B}"/>
              </a:ext>
            </a:extLst>
          </p:cNvPr>
          <p:cNvSpPr txBox="1"/>
          <p:nvPr/>
        </p:nvSpPr>
        <p:spPr>
          <a:xfrm>
            <a:off x="6803338" y="3791215"/>
            <a:ext cx="1367075" cy="738664"/>
          </a:xfrm>
          <a:prstGeom prst="rect">
            <a:avLst/>
          </a:prstGeom>
          <a:noFill/>
        </p:spPr>
        <p:txBody>
          <a:bodyPr wrap="square" lIns="0" tIns="0" rIns="0" bIns="0" rtlCol="false">
            <a:spAutoFit/>
          </a:bodyPr>
          <a:lstStyle/>
          <a:p>
            <a:pPr rtl="false"/>
            <a:r>
              <a:rPr lang="en-gb" sz="2400"/>
              <a:t>Solution phase</a:t>
            </a:r>
          </a:p>
        </p:txBody>
      </p:sp>
      <p:sp>
        <p:nvSpPr>
          <p:cNvPr id="2" name="Ellipse 1">
            <a:extLst>
              <a:ext uri="{FF2B5EF4-FFF2-40B4-BE49-F238E27FC236}">
                <a16:creationId xmlns:a16="http://schemas.microsoft.com/office/drawing/2014/main" id="{567F75E4-847C-7E74-C46E-B7B2E2CB3B12}"/>
              </a:ext>
            </a:extLst>
          </p:cNvPr>
          <p:cNvSpPr/>
          <p:nvPr/>
        </p:nvSpPr>
        <p:spPr>
          <a:xfrm>
            <a:off x="3609077" y="3940820"/>
            <a:ext cx="1220121" cy="1305560"/>
          </a:xfrm>
          <a:prstGeom prst="ellipse">
            <a:avLst/>
          </a:prstGeom>
          <a:solidFill>
            <a:schemeClr val="accent1">
              <a:alpha val="61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endParaRPr lang="da-DK" sz="1600" dirty="0" err="1"/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88119C89-6EA2-0843-29DA-5AE077954294}"/>
              </a:ext>
            </a:extLst>
          </p:cNvPr>
          <p:cNvSpPr txBox="1"/>
          <p:nvPr/>
        </p:nvSpPr>
        <p:spPr>
          <a:xfrm>
            <a:off x="3812751" y="4283657"/>
            <a:ext cx="763029" cy="492443"/>
          </a:xfrm>
          <a:prstGeom prst="rect">
            <a:avLst/>
          </a:prstGeom>
          <a:noFill/>
        </p:spPr>
        <p:txBody>
          <a:bodyPr wrap="none" lIns="0" tIns="0" rIns="0" bIns="0" rtlCol="false">
            <a:spAutoFit/>
          </a:bodyPr>
          <a:lstStyle/>
          <a:p>
            <a:pPr rtl="false"/>
            <a:r>
              <a:rPr lang="en-gb" sz="1600" b="1"/>
              <a:t>Causal</a:t>
            </a:r>
          </a:p>
          <a:p>
            <a:pPr rtl="false"/>
            <a:r>
              <a:rPr lang="en-gb" sz="1600" b="1"/>
              <a:t>analysis</a:t>
            </a:r>
          </a:p>
        </p:txBody>
      </p:sp>
      <p:sp>
        <p:nvSpPr>
          <p:cNvPr id="4" name="Ellipse 3">
            <a:extLst>
              <a:ext uri="{FF2B5EF4-FFF2-40B4-BE49-F238E27FC236}">
                <a16:creationId xmlns:a16="http://schemas.microsoft.com/office/drawing/2014/main" id="{13811FDE-A9E1-63B6-43B4-84F6CB0F520A}"/>
              </a:ext>
            </a:extLst>
          </p:cNvPr>
          <p:cNvSpPr/>
          <p:nvPr/>
        </p:nvSpPr>
        <p:spPr>
          <a:xfrm>
            <a:off x="5393383" y="3521284"/>
            <a:ext cx="1220121" cy="1305560"/>
          </a:xfrm>
          <a:prstGeom prst="ellipse">
            <a:avLst/>
          </a:prstGeom>
          <a:solidFill>
            <a:schemeClr val="accent1">
              <a:alpha val="61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endParaRPr lang="da-DK" sz="1600" dirty="0" err="1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244957E3-31A3-6F31-6B6E-8621FEA7481C}"/>
              </a:ext>
            </a:extLst>
          </p:cNvPr>
          <p:cNvSpPr txBox="1"/>
          <p:nvPr/>
        </p:nvSpPr>
        <p:spPr>
          <a:xfrm>
            <a:off x="5657184" y="3927842"/>
            <a:ext cx="763029" cy="492443"/>
          </a:xfrm>
          <a:prstGeom prst="rect">
            <a:avLst/>
          </a:prstGeom>
          <a:noFill/>
        </p:spPr>
        <p:txBody>
          <a:bodyPr wrap="none" lIns="0" tIns="0" rIns="0" bIns="0" rtlCol="false">
            <a:spAutoFit/>
          </a:bodyPr>
          <a:lstStyle/>
          <a:p>
            <a:pPr rtl="false"/>
            <a:r>
              <a:rPr lang="en-gb" sz="1600" b="1"/>
              <a:t>Causal</a:t>
            </a:r>
          </a:p>
          <a:p>
            <a:pPr rtl="false"/>
            <a:r>
              <a:rPr lang="en-gb" sz="1600" b="1"/>
              <a:t>analysi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87785066"/>
      </p:ext>
    </p:extLst>
  </p:cSld>
  <p:clrMapOvr>
    <a:masterClrMapping/>
  </p:clrMapOvr>
</p:sld>
</file>

<file path=ppt/slides/slide6.xml><?xml version="1.0" encoding="utf-8"?>
<p:sld xmlns:p="http://schemas.openxmlformats.org/presentationml/2006/main" xmlns:a="http://schemas.openxmlformats.org/drawingml/2006/main" xmlns:r="http://schemas.openxmlformats.org/officeDocument/2006/relationships">
  <p:cSld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ktangel 2">
            <a:extLst>
              <a:ext uri="{FF2B5EF4-FFF2-40B4-BE49-F238E27FC236}">
                <a16:creationId xmlns:a16="http://schemas.microsoft.com/office/drawing/2014/main" id="{AECFDB5C-C83A-5F24-74BD-D664699FBB9F}"/>
              </a:ext>
            </a:extLst>
          </p:cNvPr>
          <p:cNvSpPr/>
          <p:nvPr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endParaRPr lang="da-DK" sz="1600" dirty="0" err="1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A430C273-B194-4F7F-85F8-60EB0D8714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1076109"/>
            <a:ext cx="4680000" cy="1011771"/>
          </a:xfrm>
        </p:spPr>
        <p:txBody>
          <a:bodyPr rtlCol="false"/>
          <a:lstStyle/>
          <a:p>
            <a:pPr rtl="false"/>
            <a:r>
              <a:rPr lang="en-gb" sz="3200">
                <a:solidFill>
                  <a:schemeClr val="bg1"/>
                </a:solidFill>
              </a:rPr>
              <a:t>Analyse using </a:t>
            </a:r>
            <a:br>
              <a:rPr lang="da-DK" sz="3200" dirty="0">
                <a:solidFill>
                  <a:schemeClr val="bg1"/>
                </a:solidFill>
              </a:rPr>
            </a:br>
            <a:r>
              <a:rPr lang="en-gb" sz="3200">
                <a:solidFill>
                  <a:schemeClr val="bg1"/>
                </a:solidFill>
              </a:rPr>
              <a:t>5 x ‘why’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590E060-44E1-4C00-97A0-DCC08DBB531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0" y="2424981"/>
            <a:ext cx="5069942" cy="3650141"/>
          </a:xfrm>
        </p:spPr>
        <p:txBody>
          <a:bodyPr rtlCol="false"/>
          <a:lstStyle/>
          <a:p>
            <a:pPr lvl="1" rtl="false"/>
            <a:r>
              <a:rPr lang="en-gb" sz="1600" i="1">
                <a:solidFill>
                  <a:schemeClr val="bg1"/>
                </a:solidFill>
              </a:rPr>
              <a:t>The groups choose or are assigned one or more immediate problems/risk factors for analysis. Each problem is written at the top of a separate flip chart.</a:t>
            </a:r>
          </a:p>
          <a:p>
            <a:pPr lvl="1" rtl="false"/>
            <a:r>
              <a:rPr lang="en-gb" sz="1600" i="1">
                <a:solidFill>
                  <a:schemeClr val="bg1"/>
                </a:solidFill>
              </a:rPr>
              <a:t>By continuing to ask ‘Why’, the underlying causes are determined and noted on separate post-its. The group places the post-its on the flip chart to show the causal relationship. Discuss the placement and move the post-its around to uncover the underlying causes.</a:t>
            </a:r>
          </a:p>
          <a:p>
            <a:pPr lvl="1" rtl="false"/>
            <a:r>
              <a:rPr lang="en-gb" sz="1600" i="1">
                <a:solidFill>
                  <a:schemeClr val="bg1"/>
                </a:solidFill>
              </a:rPr>
              <a:t>Keep asking ‘why’ until you no longer get relevant answers.  </a:t>
            </a:r>
          </a:p>
          <a:p>
            <a:pPr marL="0" indent="0" rtl="false">
              <a:buNone/>
            </a:pPr>
            <a:endParaRPr lang="da-DK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894CB6-721F-4559-A1D3-11BF4A99136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 rtlCol="false"/>
          <a:lstStyle/>
          <a:p>
            <a:pPr rtl="false"/>
            <a:fld id="{7610C92B-3E20-43FF-9741-D802DC65CBD0}">
              <a:rPr lang="da-DK" smtClean="0"/>
              <a:t>05/12/2024</a:t>
            </a:fld>
            <a:endParaRPr lang="da-DK" dirty="0"/>
          </a:p>
        </p:txBody>
      </p:sp>
      <p:sp>
        <p:nvSpPr>
          <p:cNvPr id="2" name="Ellipse 1">
            <a:extLst>
              <a:ext uri="{FF2B5EF4-FFF2-40B4-BE49-F238E27FC236}">
                <a16:creationId xmlns:a16="http://schemas.microsoft.com/office/drawing/2014/main" id="{13FC50E5-E609-5ECA-F15C-55BABA93BF84}"/>
              </a:ext>
            </a:extLst>
          </p:cNvPr>
          <p:cNvSpPr/>
          <p:nvPr/>
        </p:nvSpPr>
        <p:spPr>
          <a:xfrm>
            <a:off x="2335576" y="1498295"/>
            <a:ext cx="1476260" cy="1244906"/>
          </a:xfrm>
          <a:prstGeom prst="ellipse">
            <a:avLst/>
          </a:prstGeom>
          <a:solidFill>
            <a:schemeClr val="accent1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r>
              <a:rPr lang="en-gb" sz="1600"/>
              <a:t>AMG</a:t>
            </a:r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6AB17EB0-E65D-FB86-CF59-8CB3E4DBCE90}"/>
              </a:ext>
            </a:extLst>
          </p:cNvPr>
          <p:cNvSpPr/>
          <p:nvPr/>
        </p:nvSpPr>
        <p:spPr>
          <a:xfrm>
            <a:off x="4241494" y="3375694"/>
            <a:ext cx="1476260" cy="1244906"/>
          </a:xfrm>
          <a:prstGeom prst="ellipse">
            <a:avLst/>
          </a:prstGeom>
          <a:solidFill>
            <a:schemeClr val="accent1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r>
              <a:rPr lang="en-gb" sz="1600"/>
              <a:t>Group</a:t>
            </a:r>
          </a:p>
          <a:p>
            <a:pPr algn="ctr" rtl="false"/>
            <a:endParaRPr lang="da-DK" sz="1600" dirty="0"/>
          </a:p>
          <a:p>
            <a:pPr algn="ctr" rtl="false"/>
            <a:endParaRPr lang="da-DK" sz="1600" dirty="0"/>
          </a:p>
        </p:txBody>
      </p:sp>
      <p:sp>
        <p:nvSpPr>
          <p:cNvPr id="10" name="Ellipse 9">
            <a:extLst>
              <a:ext uri="{FF2B5EF4-FFF2-40B4-BE49-F238E27FC236}">
                <a16:creationId xmlns:a16="http://schemas.microsoft.com/office/drawing/2014/main" id="{D3C37250-BAEC-4442-11D4-129CAE40F61A}"/>
              </a:ext>
            </a:extLst>
          </p:cNvPr>
          <p:cNvSpPr/>
          <p:nvPr/>
        </p:nvSpPr>
        <p:spPr>
          <a:xfrm>
            <a:off x="2335576" y="3429000"/>
            <a:ext cx="1476260" cy="1244906"/>
          </a:xfrm>
          <a:prstGeom prst="ellipse">
            <a:avLst/>
          </a:prstGeom>
          <a:solidFill>
            <a:schemeClr val="accent1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r>
              <a:rPr lang="en-gb" sz="1600"/>
              <a:t>Group</a:t>
            </a:r>
          </a:p>
          <a:p>
            <a:pPr algn="ctr" rtl="false"/>
            <a:endParaRPr lang="da-DK" sz="1600" dirty="0"/>
          </a:p>
          <a:p>
            <a:pPr algn="ctr" rtl="false"/>
            <a:endParaRPr lang="da-DK" sz="1600" dirty="0"/>
          </a:p>
        </p:txBody>
      </p:sp>
      <p:sp>
        <p:nvSpPr>
          <p:cNvPr id="11" name="Ellipse 10">
            <a:extLst>
              <a:ext uri="{FF2B5EF4-FFF2-40B4-BE49-F238E27FC236}">
                <a16:creationId xmlns:a16="http://schemas.microsoft.com/office/drawing/2014/main" id="{0C26768A-F2C8-43AC-A55B-F5DB98EEA913}"/>
              </a:ext>
            </a:extLst>
          </p:cNvPr>
          <p:cNvSpPr/>
          <p:nvPr/>
        </p:nvSpPr>
        <p:spPr>
          <a:xfrm>
            <a:off x="429658" y="3375694"/>
            <a:ext cx="1476260" cy="1244906"/>
          </a:xfrm>
          <a:prstGeom prst="ellipse">
            <a:avLst/>
          </a:prstGeom>
          <a:solidFill>
            <a:schemeClr val="accent1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false" anchor="ctr"/>
          <a:lstStyle/>
          <a:p>
            <a:pPr algn="ctr" rtl="false"/>
            <a:r>
              <a:rPr lang="en-gb" sz="1600"/>
              <a:t>Group</a:t>
            </a:r>
          </a:p>
          <a:p>
            <a:pPr algn="ctr" rtl="false"/>
            <a:endParaRPr lang="da-DK" sz="1600" dirty="0"/>
          </a:p>
          <a:p>
            <a:pPr algn="ctr" rtl="false"/>
            <a:endParaRPr lang="da-DK" sz="1600" dirty="0"/>
          </a:p>
        </p:txBody>
      </p: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91AF9DC8-4863-42C9-17E3-86DE31678FC8}"/>
              </a:ext>
            </a:extLst>
          </p:cNvPr>
          <p:cNvCxnSpPr>
            <a:stCxn id="2" idx="4"/>
            <a:endCxn id="10" idx="0"/>
          </p:cNvCxnSpPr>
          <p:nvPr/>
        </p:nvCxnSpPr>
        <p:spPr>
          <a:xfrm>
            <a:off x="3073706" y="2743201"/>
            <a:ext cx="0" cy="685799"/>
          </a:xfrm>
          <a:prstGeom prst="straightConnector1">
            <a:avLst/>
          </a:prstGeom>
          <a:ln>
            <a:solidFill>
              <a:schemeClr val="tx1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Lige pilforbindelse 20">
            <a:extLst>
              <a:ext uri="{FF2B5EF4-FFF2-40B4-BE49-F238E27FC236}">
                <a16:creationId xmlns:a16="http://schemas.microsoft.com/office/drawing/2014/main" id="{4087729A-A012-EB95-BC8D-5EAA4848C71D}"/>
              </a:ext>
            </a:extLst>
          </p:cNvPr>
          <p:cNvCxnSpPr>
            <a:stCxn id="2" idx="5"/>
            <a:endCxn id="5" idx="0"/>
          </p:cNvCxnSpPr>
          <p:nvPr/>
        </p:nvCxnSpPr>
        <p:spPr>
          <a:xfrm>
            <a:off x="3595643" y="2560889"/>
            <a:ext cx="1383981" cy="814805"/>
          </a:xfrm>
          <a:prstGeom prst="straightConnector1">
            <a:avLst/>
          </a:prstGeom>
          <a:ln>
            <a:solidFill>
              <a:schemeClr val="tx1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903AFFE1-16CF-EFF7-41DB-4989879385B0}"/>
              </a:ext>
            </a:extLst>
          </p:cNvPr>
          <p:cNvCxnSpPr>
            <a:cxnSpLocks/>
            <a:endCxn id="11" idx="0"/>
          </p:cNvCxnSpPr>
          <p:nvPr/>
        </p:nvCxnSpPr>
        <p:spPr>
          <a:xfrm flipH="1">
            <a:off x="1167788" y="2560889"/>
            <a:ext cx="1366092" cy="814805"/>
          </a:xfrm>
          <a:prstGeom prst="straightConnector1">
            <a:avLst/>
          </a:prstGeom>
          <a:ln>
            <a:solidFill>
              <a:schemeClr val="tx1"/>
            </a:solidFill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29" name="Gruppe 28">
            <a:extLst>
              <a:ext uri="{FF2B5EF4-FFF2-40B4-BE49-F238E27FC236}">
                <a16:creationId xmlns:a16="http://schemas.microsoft.com/office/drawing/2014/main" id="{D16FC965-A46B-967A-DB19-30A36932EC91}"/>
              </a:ext>
            </a:extLst>
          </p:cNvPr>
          <p:cNvGrpSpPr/>
          <p:nvPr/>
        </p:nvGrpSpPr>
        <p:grpSpPr>
          <a:xfrm>
            <a:off x="897875" y="3942604"/>
            <a:ext cx="539826" cy="551790"/>
            <a:chOff x="2533880" y="5691130"/>
            <a:chExt cx="716096" cy="714260"/>
          </a:xfrm>
        </p:grpSpPr>
        <p:cxnSp>
          <p:nvCxnSpPr>
            <p:cNvPr id="26" name="Lige pilforbindelse 25">
              <a:extLst>
                <a:ext uri="{FF2B5EF4-FFF2-40B4-BE49-F238E27FC236}">
                  <a16:creationId xmlns:a16="http://schemas.microsoft.com/office/drawing/2014/main" id="{0CC7C9BE-17A1-79EE-C585-7D951D69475C}"/>
                </a:ext>
              </a:extLst>
            </p:cNvPr>
            <p:cNvCxnSpPr/>
            <p:nvPr/>
          </p:nvCxnSpPr>
          <p:spPr>
            <a:xfrm>
              <a:off x="2533880" y="6048260"/>
              <a:ext cx="716096" cy="0"/>
            </a:xfrm>
            <a:prstGeom prst="straightConnector1">
              <a:avLst/>
            </a:prstGeom>
            <a:ln>
              <a:solidFill>
                <a:schemeClr val="bg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Lige pilforbindelse 26">
              <a:extLst>
                <a:ext uri="{FF2B5EF4-FFF2-40B4-BE49-F238E27FC236}">
                  <a16:creationId xmlns:a16="http://schemas.microsoft.com/office/drawing/2014/main" id="{BDE87BE3-C34F-3B0D-9C18-B071AF70249D}"/>
                </a:ext>
              </a:extLst>
            </p:cNvPr>
            <p:cNvCxnSpPr>
              <a:cxnSpLocks/>
            </p:cNvCxnSpPr>
            <p:nvPr/>
          </p:nvCxnSpPr>
          <p:spPr>
            <a:xfrm>
              <a:off x="2891928" y="5691130"/>
              <a:ext cx="0" cy="714260"/>
            </a:xfrm>
            <a:prstGeom prst="straightConnector1">
              <a:avLst/>
            </a:prstGeom>
            <a:ln>
              <a:solidFill>
                <a:schemeClr val="bg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0" name="Gruppe 29">
            <a:extLst>
              <a:ext uri="{FF2B5EF4-FFF2-40B4-BE49-F238E27FC236}">
                <a16:creationId xmlns:a16="http://schemas.microsoft.com/office/drawing/2014/main" id="{0A3F694A-C35D-DF3C-224A-4868E9400C73}"/>
              </a:ext>
            </a:extLst>
          </p:cNvPr>
          <p:cNvGrpSpPr/>
          <p:nvPr/>
        </p:nvGrpSpPr>
        <p:grpSpPr>
          <a:xfrm>
            <a:off x="2803792" y="3998147"/>
            <a:ext cx="539826" cy="551790"/>
            <a:chOff x="2533880" y="5691130"/>
            <a:chExt cx="716096" cy="714260"/>
          </a:xfrm>
        </p:grpSpPr>
        <p:cxnSp>
          <p:nvCxnSpPr>
            <p:cNvPr id="31" name="Lige pilforbindelse 30">
              <a:extLst>
                <a:ext uri="{FF2B5EF4-FFF2-40B4-BE49-F238E27FC236}">
                  <a16:creationId xmlns:a16="http://schemas.microsoft.com/office/drawing/2014/main" id="{81F3678F-A3BE-6DA1-54F8-DEA414C367A1}"/>
                </a:ext>
              </a:extLst>
            </p:cNvPr>
            <p:cNvCxnSpPr/>
            <p:nvPr/>
          </p:nvCxnSpPr>
          <p:spPr>
            <a:xfrm>
              <a:off x="2533880" y="6048260"/>
              <a:ext cx="716096" cy="0"/>
            </a:xfrm>
            <a:prstGeom prst="straightConnector1">
              <a:avLst/>
            </a:prstGeom>
            <a:ln>
              <a:solidFill>
                <a:schemeClr val="bg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Lige pilforbindelse 31">
              <a:extLst>
                <a:ext uri="{FF2B5EF4-FFF2-40B4-BE49-F238E27FC236}">
                  <a16:creationId xmlns:a16="http://schemas.microsoft.com/office/drawing/2014/main" id="{385FA9B7-F16E-011F-5CC8-13AEFB4F7E8E}"/>
                </a:ext>
              </a:extLst>
            </p:cNvPr>
            <p:cNvCxnSpPr>
              <a:cxnSpLocks/>
            </p:cNvCxnSpPr>
            <p:nvPr/>
          </p:nvCxnSpPr>
          <p:spPr>
            <a:xfrm>
              <a:off x="2891928" y="5691130"/>
              <a:ext cx="0" cy="714260"/>
            </a:xfrm>
            <a:prstGeom prst="straightConnector1">
              <a:avLst/>
            </a:prstGeom>
            <a:ln>
              <a:solidFill>
                <a:schemeClr val="bg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3" name="Gruppe 32">
            <a:extLst>
              <a:ext uri="{FF2B5EF4-FFF2-40B4-BE49-F238E27FC236}">
                <a16:creationId xmlns:a16="http://schemas.microsoft.com/office/drawing/2014/main" id="{3950968E-BD56-875A-D59D-0C6796892F46}"/>
              </a:ext>
            </a:extLst>
          </p:cNvPr>
          <p:cNvGrpSpPr/>
          <p:nvPr/>
        </p:nvGrpSpPr>
        <p:grpSpPr>
          <a:xfrm>
            <a:off x="4685655" y="3942604"/>
            <a:ext cx="539826" cy="551790"/>
            <a:chOff x="2533880" y="5691130"/>
            <a:chExt cx="716096" cy="714260"/>
          </a:xfrm>
        </p:grpSpPr>
        <p:cxnSp>
          <p:nvCxnSpPr>
            <p:cNvPr id="34" name="Lige pilforbindelse 33">
              <a:extLst>
                <a:ext uri="{FF2B5EF4-FFF2-40B4-BE49-F238E27FC236}">
                  <a16:creationId xmlns:a16="http://schemas.microsoft.com/office/drawing/2014/main" id="{474A0617-3297-DAFF-F73F-9131CB8C9DFA}"/>
                </a:ext>
              </a:extLst>
            </p:cNvPr>
            <p:cNvCxnSpPr/>
            <p:nvPr/>
          </p:nvCxnSpPr>
          <p:spPr>
            <a:xfrm>
              <a:off x="2533880" y="6048260"/>
              <a:ext cx="716096" cy="0"/>
            </a:xfrm>
            <a:prstGeom prst="straightConnector1">
              <a:avLst/>
            </a:prstGeom>
            <a:ln>
              <a:solidFill>
                <a:schemeClr val="bg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5" name="Lige pilforbindelse 34">
              <a:extLst>
                <a:ext uri="{FF2B5EF4-FFF2-40B4-BE49-F238E27FC236}">
                  <a16:creationId xmlns:a16="http://schemas.microsoft.com/office/drawing/2014/main" id="{1341ED22-2EDB-8A7A-A507-611C33BC8105}"/>
                </a:ext>
              </a:extLst>
            </p:cNvPr>
            <p:cNvCxnSpPr>
              <a:cxnSpLocks/>
            </p:cNvCxnSpPr>
            <p:nvPr/>
          </p:nvCxnSpPr>
          <p:spPr>
            <a:xfrm>
              <a:off x="2891928" y="5691130"/>
              <a:ext cx="0" cy="714260"/>
            </a:xfrm>
            <a:prstGeom prst="straightConnector1">
              <a:avLst/>
            </a:prstGeom>
            <a:ln>
              <a:solidFill>
                <a:schemeClr val="bg1"/>
              </a:solidFill>
              <a:headEnd type="triangle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3734744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luise\AppData\Local\Templafy\AddIns\PowerPointVsto\Brugerinddragelse.png"/>
</p:tagLst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7926249703945740","enableDocumentContentUpdater":false,"version":"2.0"}]]></TemplafySlideTemplate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fd8d707-021b-4478-9cb8-a4b9c7b743f4" xsi:nil="true"/>
    <lcf76f155ced4ddcb4097134ff3c332f xmlns="de0507ab-1106-4d22-a0cc-4ef3ec66db0f">
      <Terms xmlns="http://schemas.microsoft.com/office/infopath/2007/PartnerControls"/>
    </lcf76f155ced4ddcb4097134ff3c332f>
  </documentManagement>
</p:properties>
</file>

<file path=customXml/item14.xml><?xml version="1.0" encoding="utf-8"?>
<TemplafySlideTemplateConfiguration><![CDATA[{"slideVersion":1,"isValidatorEnabled":false,"isLocked":false,"elementsMetadata":[],"slideId":"637926249703905038","enableDocumentContentUpdater":false,"version":"2.0"}]]></TemplafySlideTemplateConfiguration>
</file>

<file path=customXml/item15.xml><?xml version="1.0" encoding="utf-8"?>
<TemplafyFormConfiguration><![CDATA[{"formFields":[],"formDataEntries":[]}]]></TemplafyFormConfiguration>
</file>

<file path=customXml/item2.xml><?xml version="1.0" encoding="utf-8"?>
<TemplafySlideTemplateConfiguration><![CDATA[{"slideVersion":1,"isValidatorEnabled":false,"isLocked":false,"elementsMetadata":[],"slideId":"637926249703945740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],"transformationConfigurations":[],"templateName":"SDU widescreen 16:9 - without department, dates and links","templateDescription":"SDU bredformat 16:9 skabelon - uden enhedsnavn, dato og links","enableDocumentContentUpdater":false,"version":"2.0"}]]></TemplafyTemplateConfiguration>
</file>

<file path=customXml/item5.xml><?xml version="1.0" encoding="utf-8"?>
<TemplafySlideTemplateConfiguration><![CDATA[{"slideVersion":1,"isValidatorEnabled":false,"isLocked":false,"elementsMetadata":[],"slideId":"637926249703915302","enableDocumentContentUpdater":false,"version":"2.0"}]]></TemplafySlide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C4D3655242FCC44FB7CB590DC70A16A0" ma:contentTypeVersion="14" ma:contentTypeDescription="Opret et nyt dokument." ma:contentTypeScope="" ma:versionID="7cb2d874ae2daa2b766e84d89e101f58">
  <xsd:schema xmlns:xsd="http://www.w3.org/2001/XMLSchema" xmlns:xs="http://www.w3.org/2001/XMLSchema" xmlns:p="http://schemas.microsoft.com/office/2006/metadata/properties" xmlns:ns2="de0507ab-1106-4d22-a0cc-4ef3ec66db0f" xmlns:ns3="cfd8d707-021b-4478-9cb8-a4b9c7b743f4" targetNamespace="http://schemas.microsoft.com/office/2006/metadata/properties" ma:root="true" ma:fieldsID="5565d26d0a7566232995ac2b3438a13f" ns2:_="" ns3:_="">
    <xsd:import namespace="de0507ab-1106-4d22-a0cc-4ef3ec66db0f"/>
    <xsd:import namespace="cfd8d707-021b-4478-9cb8-a4b9c7b743f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e0507ab-1106-4d22-a0cc-4ef3ec66db0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9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fd8d707-021b-4478-9cb8-a4b9c7b743f4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20" nillable="true" ma:displayName="Taxonomy Catch All Column" ma:hidden="true" ma:list="{7489f827-1376-42ba-aaba-aef0f51317b1}" ma:internalName="TaxCatchAll" ma:showField="CatchAllData" ma:web="cfd8d707-021b-4478-9cb8-a4b9c7b743f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TemplateConfiguration><![CDATA[{"slideVersion":1,"isValidatorEnabled":false,"isLocked":false,"elementsMetadata":[],"slideId":"637926249703953430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7A3E515-FE9A-4E4E-BF48-72FBFDABA94E}">
  <ds:schemaRefs/>
</ds:datastoreItem>
</file>

<file path=customXml/itemProps10.xml><?xml version="1.0" encoding="utf-8"?>
<ds:datastoreItem xmlns:ds="http://schemas.openxmlformats.org/officeDocument/2006/customXml" ds:itemID="{BEB2B9B7-9C71-4451-AD27-ED26CCFBE3BC}">
  <ds:schemaRefs/>
</ds:datastoreItem>
</file>

<file path=customXml/itemProps11.xml><?xml version="1.0" encoding="utf-8"?>
<ds:datastoreItem xmlns:ds="http://schemas.openxmlformats.org/officeDocument/2006/customXml" ds:itemID="{80E35074-8722-4F20-88CC-87A31F7F991B}">
  <ds:schemaRefs/>
</ds:datastoreItem>
</file>

<file path=customXml/itemProps12.xml><?xml version="1.0" encoding="utf-8"?>
<ds:datastoreItem xmlns:ds="http://schemas.openxmlformats.org/officeDocument/2006/customXml" ds:itemID="{89382A4C-EA5B-4B4F-A7CA-C59EF522A66A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64ACA503-8488-42D0-8EF3-3122C8D3CD33}">
  <ds:schemaRefs>
    <ds:schemaRef ds:uri="http://schemas.microsoft.com/office/2006/metadata/properties"/>
    <ds:schemaRef ds:uri="http://schemas.microsoft.com/office/infopath/2007/PartnerControls"/>
    <ds:schemaRef ds:uri="cfd8d707-021b-4478-9cb8-a4b9c7b743f4"/>
    <ds:schemaRef ds:uri="de0507ab-1106-4d22-a0cc-4ef3ec66db0f"/>
  </ds:schemaRefs>
</ds:datastoreItem>
</file>

<file path=customXml/itemProps14.xml><?xml version="1.0" encoding="utf-8"?>
<ds:datastoreItem xmlns:ds="http://schemas.openxmlformats.org/officeDocument/2006/customXml" ds:itemID="{FEB1901F-BF6C-471C-A3B9-C97FE7EC6A0F}">
  <ds:schemaRefs/>
</ds:datastoreItem>
</file>

<file path=customXml/itemProps15.xml><?xml version="1.0" encoding="utf-8"?>
<ds:datastoreItem xmlns:ds="http://schemas.openxmlformats.org/officeDocument/2006/customXml" ds:itemID="{E58D0F7B-1F17-4E5D-BC63-2B0FB3F5A51A}">
  <ds:schemaRefs/>
</ds:datastoreItem>
</file>

<file path=customXml/itemProps2.xml><?xml version="1.0" encoding="utf-8"?>
<ds:datastoreItem xmlns:ds="http://schemas.openxmlformats.org/officeDocument/2006/customXml" ds:itemID="{6F6A70F1-82B7-4354-A8B7-6D3FCC472B50}">
  <ds:schemaRefs/>
</ds:datastoreItem>
</file>

<file path=customXml/itemProps3.xml><?xml version="1.0" encoding="utf-8"?>
<ds:datastoreItem xmlns:ds="http://schemas.openxmlformats.org/officeDocument/2006/customXml" ds:itemID="{B17E99FB-DE62-40B4-8295-4BCDA4D9DE53}">
  <ds:schemaRefs/>
</ds:datastoreItem>
</file>

<file path=customXml/itemProps4.xml><?xml version="1.0" encoding="utf-8"?>
<ds:datastoreItem xmlns:ds="http://schemas.openxmlformats.org/officeDocument/2006/customXml" ds:itemID="{90DE47FB-CBD9-46EF-A4BB-64ED750A2AFD}">
  <ds:schemaRefs/>
</ds:datastoreItem>
</file>

<file path=customXml/itemProps5.xml><?xml version="1.0" encoding="utf-8"?>
<ds:datastoreItem xmlns:ds="http://schemas.openxmlformats.org/officeDocument/2006/customXml" ds:itemID="{0D53A917-4E29-405F-A95F-B003FE717CA6}">
  <ds:schemaRefs/>
</ds:datastoreItem>
</file>

<file path=customXml/itemProps6.xml><?xml version="1.0" encoding="utf-8"?>
<ds:datastoreItem xmlns:ds="http://schemas.openxmlformats.org/officeDocument/2006/customXml" ds:itemID="{E9365D74-F1DF-45CF-9D75-4A989E2E9D01}"/>
</file>

<file path=customXml/itemProps7.xml><?xml version="1.0" encoding="utf-8"?>
<ds:datastoreItem xmlns:ds="http://schemas.openxmlformats.org/officeDocument/2006/customXml" ds:itemID="{6EE65B4F-F7E5-4BC7-B63A-2987751D59BC}">
  <ds:schemaRefs/>
</ds:datastoreItem>
</file>

<file path=customXml/itemProps8.xml><?xml version="1.0" encoding="utf-8"?>
<ds:datastoreItem xmlns:ds="http://schemas.openxmlformats.org/officeDocument/2006/customXml" ds:itemID="{6C2F43E7-0F4E-42B7-8B2C-024CF43B0677}">
  <ds:schemaRefs/>
</ds:datastoreItem>
</file>

<file path=customXml/itemProps9.xml><?xml version="1.0" encoding="utf-8"?>
<ds:datastoreItem xmlns:ds="http://schemas.openxmlformats.org/officeDocument/2006/customXml" ds:itemID="{C74E36E0-F7E6-462A-A5B4-71E2A45ED73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480</Words>
  <Application>Microsoft Office PowerPoint</Application>
  <PresentationFormat>Widescreen</PresentationFormat>
  <Paragraphs>75</Paragraphs>
  <Slides>6</Slides>
  <Notes>5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9" baseType="lpstr">
      <vt:lpstr>Arial</vt:lpstr>
      <vt:lpstr>Wingdings</vt:lpstr>
      <vt:lpstr>SDU</vt:lpstr>
      <vt:lpstr>APV-proces</vt:lpstr>
      <vt:lpstr>Dialogværktøj - Årsagsanalyse</vt:lpstr>
      <vt:lpstr>Årsagsanalyse: 5 x hvorfor            </vt:lpstr>
      <vt:lpstr>PowerPoint-præsentation</vt:lpstr>
      <vt:lpstr>Dobbelt diamant metoden og  årsagsanalyse</vt:lpstr>
      <vt:lpstr>Analyse ved hjælp af  5 x hvorfor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12-02T11:32:30Z</dcterms:created>
  <dcterms:modified xsi:type="dcterms:W3CDTF">2024-12-05T11:30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8-15T11:26:23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7830413140992867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  <property fmtid="{D5CDD505-2E9C-101B-9397-08002B2CF9AE}" pid="8" name="ContentTypeId">
    <vt:lpwstr>0x010100C4D3655242FCC44FB7CB590DC70A16A0</vt:lpwstr>
  </property>
  <property fmtid="{D5CDD505-2E9C-101B-9397-08002B2CF9AE}" pid="9" name="MediaServiceImageTags">
    <vt:lpwstr/>
  </property>
</Properties>
</file>